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1.　一般状況\ＸＬＳ\"/>
    </mc:Choice>
  </mc:AlternateContent>
  <bookViews>
    <workbookView xWindow="0" yWindow="0" windowWidth="20490" windowHeight="7185"/>
  </bookViews>
  <sheets>
    <sheet name="加入率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加入率!$A$1:$AQ$4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6" uniqueCount="81">
  <si>
    <r>
      <t>1</t>
    </r>
    <r>
      <rPr>
        <sz val="11"/>
        <rFont val="ＭＳ Ｐゴシック"/>
        <family val="3"/>
        <charset val="128"/>
      </rPr>
      <t>.</t>
    </r>
    <r>
      <rPr>
        <sz val="11"/>
        <rFont val="ＭＳ Ｐゴシック"/>
        <family val="3"/>
        <charset val="128"/>
      </rPr>
      <t>一般状況（１）　国民健康保険の加入率の推移</t>
    </r>
    <phoneticPr fontId="1"/>
  </si>
  <si>
    <t>保険者名</t>
  </si>
  <si>
    <t>非表示</t>
    <rPh sb="0" eb="3">
      <t>ヒヒョウジ</t>
    </rPh>
    <phoneticPr fontId="1"/>
  </si>
  <si>
    <t>16年度</t>
    <phoneticPr fontId="1"/>
  </si>
  <si>
    <t>17年度</t>
    <phoneticPr fontId="1"/>
  </si>
  <si>
    <t>18年度</t>
    <phoneticPr fontId="1"/>
  </si>
  <si>
    <t>19年度</t>
    <phoneticPr fontId="1"/>
  </si>
  <si>
    <t>20年度</t>
    <phoneticPr fontId="1"/>
  </si>
  <si>
    <t>21年度</t>
    <phoneticPr fontId="1"/>
  </si>
  <si>
    <t>22年度</t>
    <phoneticPr fontId="1"/>
  </si>
  <si>
    <t>23年度</t>
    <phoneticPr fontId="1"/>
  </si>
  <si>
    <t>24年度</t>
    <phoneticPr fontId="1"/>
  </si>
  <si>
    <t>25年度</t>
    <phoneticPr fontId="1"/>
  </si>
  <si>
    <t>26年度</t>
    <phoneticPr fontId="1"/>
  </si>
  <si>
    <t>27年度</t>
  </si>
  <si>
    <t>28年度</t>
    <phoneticPr fontId="1"/>
  </si>
  <si>
    <t>29.4.1</t>
    <phoneticPr fontId="1"/>
  </si>
  <si>
    <t>29.3.31</t>
    <phoneticPr fontId="1"/>
  </si>
  <si>
    <t>加入率</t>
  </si>
  <si>
    <t>順</t>
  </si>
  <si>
    <t>15→16</t>
    <phoneticPr fontId="1"/>
  </si>
  <si>
    <t>16→17</t>
    <phoneticPr fontId="1"/>
  </si>
  <si>
    <t>17→18</t>
  </si>
  <si>
    <t>18→19</t>
  </si>
  <si>
    <t>19→20</t>
    <phoneticPr fontId="1"/>
  </si>
  <si>
    <t>20→21</t>
  </si>
  <si>
    <t>21→22</t>
  </si>
  <si>
    <t>22→23</t>
  </si>
  <si>
    <t>23→24</t>
    <phoneticPr fontId="1"/>
  </si>
  <si>
    <t>24→25</t>
  </si>
  <si>
    <t>25→26</t>
  </si>
  <si>
    <t>26→27</t>
  </si>
  <si>
    <t>27→28</t>
    <phoneticPr fontId="1"/>
  </si>
  <si>
    <t>推計人口</t>
    <rPh sb="2" eb="4">
      <t>ジンコウ</t>
    </rPh>
    <phoneticPr fontId="1"/>
  </si>
  <si>
    <t>被保険者数</t>
    <rPh sb="4" eb="5">
      <t>カズ</t>
    </rPh>
    <phoneticPr fontId="1"/>
  </si>
  <si>
    <t>（％）</t>
  </si>
  <si>
    <t>位</t>
  </si>
  <si>
    <t>増減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</si>
  <si>
    <t>－</t>
    <phoneticPr fontId="1"/>
  </si>
  <si>
    <t xml:space="preserve"> 津久井町</t>
  </si>
  <si>
    <t xml:space="preserve"> 相模湖町</t>
  </si>
  <si>
    <t xml:space="preserve"> 藤野町</t>
  </si>
  <si>
    <t>市町村平均</t>
    <phoneticPr fontId="1"/>
  </si>
  <si>
    <t>県　　平　　均</t>
    <phoneticPr fontId="1"/>
  </si>
  <si>
    <t>国保被保険者総数(3.31現在)</t>
  </si>
  <si>
    <t>平成27年国勢調査確定数を基準人口とした推計人口(平成29.4.1現在)280920修正</t>
    <rPh sb="0" eb="2">
      <t>ヘイセイ</t>
    </rPh>
    <rPh sb="4" eb="5">
      <t>ネン</t>
    </rPh>
    <rPh sb="5" eb="7">
      <t>コクセイ</t>
    </rPh>
    <rPh sb="7" eb="9">
      <t>チョウサ</t>
    </rPh>
    <rPh sb="9" eb="11">
      <t>カクテイ</t>
    </rPh>
    <rPh sb="11" eb="12">
      <t>スウ</t>
    </rPh>
    <rPh sb="13" eb="15">
      <t>キジュン</t>
    </rPh>
    <rPh sb="15" eb="17">
      <t>ジンコウ</t>
    </rPh>
    <rPh sb="20" eb="22">
      <t>スイケイ</t>
    </rPh>
    <rPh sb="22" eb="24">
      <t>ジンコウ</t>
    </rPh>
    <rPh sb="25" eb="27">
      <t>ヘイセイ</t>
    </rPh>
    <rPh sb="42" eb="44">
      <t>シュウセ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0_);[Red]\(0\)"/>
    <numFmt numFmtId="177" formatCode="0_ "/>
    <numFmt numFmtId="178" formatCode="#,##0_);[Red]\(#,##0\)"/>
    <numFmt numFmtId="179" formatCode="0.00_ "/>
  </numFmts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sz val="9"/>
      <color indexed="12"/>
      <name val="ＭＳ Ｐゴシック"/>
      <family val="3"/>
      <charset val="128"/>
    </font>
    <font>
      <sz val="9"/>
      <color indexed="20"/>
      <name val="ＭＳ Ｐゴシック"/>
      <family val="3"/>
      <charset val="128"/>
    </font>
    <font>
      <sz val="9"/>
      <name val="ＭＳ ゴシック"/>
      <family val="3"/>
      <charset val="128"/>
    </font>
    <font>
      <sz val="11"/>
      <color indexed="12"/>
      <name val="ＭＳ Ｐゴシック"/>
      <family val="3"/>
      <charset val="128"/>
    </font>
    <font>
      <sz val="9"/>
      <color indexed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8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 style="hair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81">
    <xf numFmtId="0" fontId="0" fillId="0" borderId="0" xfId="0"/>
    <xf numFmtId="38" fontId="0" fillId="0" borderId="0" xfId="1" applyFont="1"/>
    <xf numFmtId="38" fontId="1" fillId="0" borderId="0" xfId="1" applyFont="1"/>
    <xf numFmtId="176" fontId="1" fillId="0" borderId="0" xfId="1" applyNumberFormat="1" applyFont="1"/>
    <xf numFmtId="38" fontId="4" fillId="0" borderId="3" xfId="1" applyFont="1" applyBorder="1" applyAlignment="1">
      <alignment horizontal="center"/>
    </xf>
    <xf numFmtId="38" fontId="3" fillId="0" borderId="0" xfId="1" quotePrefix="1" applyFont="1" applyBorder="1" applyAlignment="1">
      <alignment horizontal="distributed" justifyLastLine="1"/>
    </xf>
    <xf numFmtId="38" fontId="3" fillId="0" borderId="0" xfId="1" applyFont="1" applyAlignment="1">
      <alignment horizontal="center"/>
    </xf>
    <xf numFmtId="38" fontId="5" fillId="0" borderId="13" xfId="1" quotePrefix="1" applyFont="1" applyBorder="1" applyAlignment="1">
      <alignment horizontal="center"/>
    </xf>
    <xf numFmtId="38" fontId="3" fillId="0" borderId="14" xfId="1" applyFont="1" applyBorder="1" applyAlignment="1">
      <alignment horizontal="center"/>
    </xf>
    <xf numFmtId="38" fontId="3" fillId="0" borderId="15" xfId="1" applyFont="1" applyBorder="1" applyAlignment="1">
      <alignment horizontal="center"/>
    </xf>
    <xf numFmtId="38" fontId="3" fillId="0" borderId="16" xfId="1" quotePrefix="1" applyFont="1" applyBorder="1" applyAlignment="1">
      <alignment horizontal="center"/>
    </xf>
    <xf numFmtId="38" fontId="3" fillId="0" borderId="14" xfId="1" applyFont="1" applyFill="1" applyBorder="1" applyAlignment="1">
      <alignment horizontal="center"/>
    </xf>
    <xf numFmtId="38" fontId="3" fillId="0" borderId="17" xfId="1" quotePrefix="1" applyFont="1" applyBorder="1" applyAlignment="1">
      <alignment horizontal="center"/>
    </xf>
    <xf numFmtId="38" fontId="3" fillId="0" borderId="0" xfId="1" quotePrefix="1" applyFont="1" applyBorder="1" applyAlignment="1">
      <alignment horizontal="center"/>
    </xf>
    <xf numFmtId="176" fontId="3" fillId="0" borderId="15" xfId="1" quotePrefix="1" applyNumberFormat="1" applyFont="1" applyBorder="1" applyAlignment="1">
      <alignment horizontal="center"/>
    </xf>
    <xf numFmtId="38" fontId="3" fillId="0" borderId="18" xfId="1" quotePrefix="1" applyFont="1" applyBorder="1" applyAlignment="1">
      <alignment horizontal="center"/>
    </xf>
    <xf numFmtId="38" fontId="3" fillId="0" borderId="19" xfId="1" quotePrefix="1" applyFont="1" applyBorder="1" applyAlignment="1">
      <alignment horizontal="center"/>
    </xf>
    <xf numFmtId="38" fontId="3" fillId="0" borderId="20" xfId="1" quotePrefix="1" applyFont="1" applyBorder="1" applyAlignment="1">
      <alignment horizontal="center"/>
    </xf>
    <xf numFmtId="38" fontId="3" fillId="0" borderId="15" xfId="1" quotePrefix="1" applyFont="1" applyBorder="1" applyAlignment="1">
      <alignment horizontal="center"/>
    </xf>
    <xf numFmtId="38" fontId="3" fillId="0" borderId="21" xfId="1" quotePrefix="1" applyFont="1" applyBorder="1" applyAlignment="1">
      <alignment horizontal="center"/>
    </xf>
    <xf numFmtId="38" fontId="3" fillId="0" borderId="22" xfId="1" quotePrefix="1" applyFont="1" applyBorder="1" applyAlignment="1">
      <alignment horizontal="center"/>
    </xf>
    <xf numFmtId="38" fontId="3" fillId="0" borderId="18" xfId="1" applyFont="1" applyBorder="1" applyAlignment="1">
      <alignment horizontal="center"/>
    </xf>
    <xf numFmtId="38" fontId="3" fillId="0" borderId="23" xfId="1" quotePrefix="1" applyFont="1" applyBorder="1" applyAlignment="1">
      <alignment horizontal="center"/>
    </xf>
    <xf numFmtId="38" fontId="3" fillId="0" borderId="13" xfId="1" applyFont="1" applyBorder="1" applyAlignment="1">
      <alignment horizontal="center"/>
    </xf>
    <xf numFmtId="38" fontId="3" fillId="0" borderId="16" xfId="1" applyFont="1" applyBorder="1" applyAlignment="1">
      <alignment horizontal="center"/>
    </xf>
    <xf numFmtId="38" fontId="3" fillId="0" borderId="26" xfId="1" applyFont="1" applyFill="1" applyBorder="1" applyAlignment="1">
      <alignment horizontal="center"/>
    </xf>
    <xf numFmtId="38" fontId="3" fillId="0" borderId="27" xfId="1" applyFont="1" applyBorder="1" applyAlignment="1">
      <alignment horizontal="center"/>
    </xf>
    <xf numFmtId="38" fontId="3" fillId="0" borderId="28" xfId="1" applyFont="1" applyBorder="1" applyAlignment="1">
      <alignment horizontal="center"/>
    </xf>
    <xf numFmtId="38" fontId="3" fillId="0" borderId="29" xfId="1" applyFont="1" applyBorder="1" applyAlignment="1">
      <alignment horizontal="center"/>
    </xf>
    <xf numFmtId="176" fontId="3" fillId="0" borderId="30" xfId="1" applyNumberFormat="1" applyFont="1" applyBorder="1" applyAlignment="1">
      <alignment horizontal="center"/>
    </xf>
    <xf numFmtId="38" fontId="3" fillId="0" borderId="31" xfId="1" applyFont="1" applyBorder="1" applyAlignment="1">
      <alignment horizontal="center"/>
    </xf>
    <xf numFmtId="38" fontId="3" fillId="0" borderId="30" xfId="1" applyFont="1" applyBorder="1" applyAlignment="1">
      <alignment horizontal="center"/>
    </xf>
    <xf numFmtId="38" fontId="3" fillId="0" borderId="26" xfId="1" applyFont="1" applyBorder="1" applyAlignment="1">
      <alignment horizontal="center"/>
    </xf>
    <xf numFmtId="38" fontId="3" fillId="0" borderId="25" xfId="1" applyFont="1" applyBorder="1" applyAlignment="1">
      <alignment horizontal="center"/>
    </xf>
    <xf numFmtId="38" fontId="3" fillId="0" borderId="32" xfId="1" applyFont="1" applyBorder="1" applyAlignment="1">
      <alignment horizontal="center"/>
    </xf>
    <xf numFmtId="38" fontId="3" fillId="0" borderId="0" xfId="1" applyFont="1" applyBorder="1" applyAlignment="1">
      <alignment horizontal="center"/>
    </xf>
    <xf numFmtId="38" fontId="3" fillId="0" borderId="11" xfId="1" applyFont="1" applyBorder="1"/>
    <xf numFmtId="38" fontId="6" fillId="0" borderId="33" xfId="1" applyFont="1" applyBorder="1"/>
    <xf numFmtId="38" fontId="7" fillId="0" borderId="33" xfId="1" applyFont="1" applyBorder="1" applyAlignment="1" applyProtection="1">
      <alignment horizontal="right"/>
    </xf>
    <xf numFmtId="38" fontId="8" fillId="0" borderId="33" xfId="1" applyFont="1" applyBorder="1"/>
    <xf numFmtId="2" fontId="3" fillId="0" borderId="34" xfId="1" applyNumberFormat="1" applyFont="1" applyBorder="1"/>
    <xf numFmtId="0" fontId="3" fillId="0" borderId="35" xfId="1" applyNumberFormat="1" applyFont="1" applyBorder="1"/>
    <xf numFmtId="2" fontId="3" fillId="0" borderId="36" xfId="1" applyNumberFormat="1" applyFont="1" applyBorder="1"/>
    <xf numFmtId="40" fontId="3" fillId="0" borderId="37" xfId="1" applyNumberFormat="1" applyFont="1" applyBorder="1"/>
    <xf numFmtId="38" fontId="3" fillId="0" borderId="38" xfId="1" applyFont="1" applyBorder="1"/>
    <xf numFmtId="2" fontId="3" fillId="0" borderId="39" xfId="1" applyNumberFormat="1" applyFont="1" applyBorder="1"/>
    <xf numFmtId="176" fontId="3" fillId="0" borderId="35" xfId="1" applyNumberFormat="1" applyFont="1" applyBorder="1"/>
    <xf numFmtId="1" fontId="3" fillId="0" borderId="35" xfId="1" applyNumberFormat="1" applyFont="1" applyBorder="1"/>
    <xf numFmtId="38" fontId="3" fillId="0" borderId="35" xfId="1" applyFont="1" applyBorder="1"/>
    <xf numFmtId="2" fontId="3" fillId="0" borderId="37" xfId="1" applyNumberFormat="1" applyFont="1" applyBorder="1"/>
    <xf numFmtId="2" fontId="3" fillId="0" borderId="40" xfId="1" applyNumberFormat="1" applyFont="1" applyBorder="1"/>
    <xf numFmtId="177" fontId="3" fillId="0" borderId="35" xfId="1" applyNumberFormat="1" applyFont="1" applyBorder="1"/>
    <xf numFmtId="2" fontId="3" fillId="0" borderId="41" xfId="1" applyNumberFormat="1" applyFont="1" applyBorder="1"/>
    <xf numFmtId="2" fontId="3" fillId="0" borderId="0" xfId="1" applyNumberFormat="1" applyFont="1" applyBorder="1"/>
    <xf numFmtId="38" fontId="3" fillId="0" borderId="0" xfId="1" applyFont="1"/>
    <xf numFmtId="38" fontId="7" fillId="0" borderId="26" xfId="1" applyFont="1" applyBorder="1" applyAlignment="1" applyProtection="1">
      <alignment horizontal="right"/>
    </xf>
    <xf numFmtId="38" fontId="3" fillId="0" borderId="42" xfId="1" applyFont="1" applyBorder="1"/>
    <xf numFmtId="38" fontId="6" fillId="0" borderId="43" xfId="1" applyFont="1" applyBorder="1"/>
    <xf numFmtId="38" fontId="7" fillId="0" borderId="44" xfId="1" applyFont="1" applyBorder="1" applyAlignment="1" applyProtection="1">
      <alignment horizontal="right"/>
    </xf>
    <xf numFmtId="38" fontId="8" fillId="0" borderId="43" xfId="1" applyFont="1" applyBorder="1"/>
    <xf numFmtId="2" fontId="3" fillId="0" borderId="45" xfId="1" applyNumberFormat="1" applyFont="1" applyBorder="1"/>
    <xf numFmtId="0" fontId="3" fillId="0" borderId="46" xfId="1" applyNumberFormat="1" applyFont="1" applyBorder="1"/>
    <xf numFmtId="2" fontId="3" fillId="0" borderId="47" xfId="1" applyNumberFormat="1" applyFont="1" applyBorder="1"/>
    <xf numFmtId="40" fontId="3" fillId="0" borderId="48" xfId="1" applyNumberFormat="1" applyFont="1" applyBorder="1"/>
    <xf numFmtId="38" fontId="3" fillId="0" borderId="49" xfId="1" applyFont="1" applyBorder="1"/>
    <xf numFmtId="2" fontId="3" fillId="0" borderId="50" xfId="1" applyNumberFormat="1" applyFont="1" applyBorder="1"/>
    <xf numFmtId="176" fontId="3" fillId="0" borderId="46" xfId="1" applyNumberFormat="1" applyFont="1" applyBorder="1"/>
    <xf numFmtId="1" fontId="3" fillId="0" borderId="46" xfId="1" applyNumberFormat="1" applyFont="1" applyBorder="1"/>
    <xf numFmtId="2" fontId="3" fillId="0" borderId="19" xfId="1" applyNumberFormat="1" applyFont="1" applyBorder="1"/>
    <xf numFmtId="2" fontId="3" fillId="0" borderId="48" xfId="1" applyNumberFormat="1" applyFont="1" applyBorder="1"/>
    <xf numFmtId="38" fontId="3" fillId="0" borderId="46" xfId="1" applyFont="1" applyBorder="1"/>
    <xf numFmtId="2" fontId="3" fillId="0" borderId="51" xfId="1" applyNumberFormat="1" applyFont="1" applyBorder="1"/>
    <xf numFmtId="177" fontId="3" fillId="0" borderId="46" xfId="1" applyNumberFormat="1" applyFont="1" applyBorder="1"/>
    <xf numFmtId="2" fontId="3" fillId="0" borderId="52" xfId="1" applyNumberFormat="1" applyFont="1" applyBorder="1"/>
    <xf numFmtId="38" fontId="6" fillId="0" borderId="53" xfId="1" applyFont="1" applyBorder="1"/>
    <xf numFmtId="38" fontId="8" fillId="0" borderId="53" xfId="1" applyFont="1" applyBorder="1"/>
    <xf numFmtId="2" fontId="3" fillId="0" borderId="31" xfId="1" applyNumberFormat="1" applyFont="1" applyBorder="1"/>
    <xf numFmtId="0" fontId="3" fillId="0" borderId="30" xfId="1" applyNumberFormat="1" applyFont="1" applyBorder="1"/>
    <xf numFmtId="2" fontId="3" fillId="0" borderId="28" xfId="1" applyNumberFormat="1" applyFont="1" applyBorder="1"/>
    <xf numFmtId="40" fontId="3" fillId="0" borderId="26" xfId="1" applyNumberFormat="1" applyFont="1" applyBorder="1"/>
    <xf numFmtId="38" fontId="3" fillId="0" borderId="27" xfId="1" applyFont="1" applyBorder="1"/>
    <xf numFmtId="2" fontId="3" fillId="0" borderId="29" xfId="1" applyNumberFormat="1" applyFont="1" applyBorder="1"/>
    <xf numFmtId="176" fontId="3" fillId="0" borderId="30" xfId="1" applyNumberFormat="1" applyFont="1" applyBorder="1"/>
    <xf numFmtId="1" fontId="3" fillId="0" borderId="30" xfId="1" applyNumberFormat="1" applyFont="1" applyBorder="1"/>
    <xf numFmtId="2" fontId="3" fillId="0" borderId="54" xfId="1" applyNumberFormat="1" applyFont="1" applyBorder="1"/>
    <xf numFmtId="38" fontId="3" fillId="0" borderId="30" xfId="1" applyFont="1" applyBorder="1"/>
    <xf numFmtId="2" fontId="3" fillId="0" borderId="26" xfId="1" applyNumberFormat="1" applyFont="1" applyBorder="1"/>
    <xf numFmtId="2" fontId="3" fillId="0" borderId="25" xfId="1" applyNumberFormat="1" applyFont="1" applyBorder="1"/>
    <xf numFmtId="177" fontId="3" fillId="0" borderId="30" xfId="1" applyNumberFormat="1" applyFont="1" applyBorder="1"/>
    <xf numFmtId="2" fontId="3" fillId="0" borderId="32" xfId="1" applyNumberFormat="1" applyFont="1" applyBorder="1"/>
    <xf numFmtId="38" fontId="3" fillId="0" borderId="33" xfId="1" applyFont="1" applyBorder="1"/>
    <xf numFmtId="40" fontId="3" fillId="0" borderId="37" xfId="1" applyNumberFormat="1" applyFont="1" applyBorder="1" applyAlignment="1">
      <alignment horizontal="center"/>
    </xf>
    <xf numFmtId="176" fontId="3" fillId="0" borderId="35" xfId="1" applyNumberFormat="1" applyFont="1" applyBorder="1" applyAlignment="1">
      <alignment horizontal="center"/>
    </xf>
    <xf numFmtId="40" fontId="3" fillId="0" borderId="29" xfId="1" applyNumberFormat="1" applyFont="1" applyBorder="1" applyAlignment="1">
      <alignment horizontal="center"/>
    </xf>
    <xf numFmtId="40" fontId="3" fillId="0" borderId="34" xfId="1" applyNumberFormat="1" applyFont="1" applyBorder="1" applyAlignment="1">
      <alignment horizontal="center"/>
    </xf>
    <xf numFmtId="40" fontId="3" fillId="0" borderId="36" xfId="1" applyNumberFormat="1" applyFont="1" applyBorder="1" applyAlignment="1">
      <alignment horizontal="center"/>
    </xf>
    <xf numFmtId="40" fontId="3" fillId="0" borderId="39" xfId="1" applyNumberFormat="1" applyFont="1" applyBorder="1" applyAlignment="1">
      <alignment horizontal="center"/>
    </xf>
    <xf numFmtId="178" fontId="3" fillId="0" borderId="35" xfId="1" applyNumberFormat="1" applyFont="1" applyBorder="1" applyAlignment="1">
      <alignment horizontal="center"/>
    </xf>
    <xf numFmtId="40" fontId="3" fillId="0" borderId="35" xfId="1" applyNumberFormat="1" applyFont="1" applyBorder="1" applyAlignment="1">
      <alignment horizontal="center"/>
    </xf>
    <xf numFmtId="40" fontId="3" fillId="0" borderId="40" xfId="1" applyNumberFormat="1" applyFont="1" applyBorder="1" applyAlignment="1">
      <alignment horizontal="center"/>
    </xf>
    <xf numFmtId="38" fontId="3" fillId="0" borderId="38" xfId="1" applyFont="1" applyBorder="1" applyAlignment="1">
      <alignment horizontal="center"/>
    </xf>
    <xf numFmtId="2" fontId="3" fillId="0" borderId="32" xfId="1" applyNumberFormat="1" applyFont="1" applyBorder="1" applyAlignment="1">
      <alignment horizontal="center"/>
    </xf>
    <xf numFmtId="40" fontId="3" fillId="0" borderId="0" xfId="1" applyNumberFormat="1" applyFont="1" applyBorder="1" applyAlignment="1">
      <alignment horizontal="center"/>
    </xf>
    <xf numFmtId="2" fontId="3" fillId="0" borderId="41" xfId="1" applyNumberFormat="1" applyFont="1" applyBorder="1" applyAlignment="1">
      <alignment horizontal="center"/>
    </xf>
    <xf numFmtId="38" fontId="3" fillId="0" borderId="55" xfId="1" applyFont="1" applyBorder="1"/>
    <xf numFmtId="38" fontId="7" fillId="0" borderId="14" xfId="1" applyFont="1" applyBorder="1" applyAlignment="1" applyProtection="1">
      <alignment horizontal="right"/>
    </xf>
    <xf numFmtId="38" fontId="8" fillId="0" borderId="55" xfId="1" applyFont="1" applyBorder="1"/>
    <xf numFmtId="2" fontId="3" fillId="0" borderId="18" xfId="1" applyNumberFormat="1" applyFont="1" applyBorder="1"/>
    <xf numFmtId="0" fontId="3" fillId="0" borderId="15" xfId="1" applyNumberFormat="1" applyFont="1" applyBorder="1"/>
    <xf numFmtId="40" fontId="3" fillId="0" borderId="21" xfId="1" applyNumberFormat="1" applyFont="1" applyBorder="1"/>
    <xf numFmtId="38" fontId="3" fillId="0" borderId="56" xfId="1" applyFont="1" applyBorder="1"/>
    <xf numFmtId="40" fontId="3" fillId="0" borderId="21" xfId="1" applyNumberFormat="1" applyFont="1" applyBorder="1" applyAlignment="1">
      <alignment horizontal="center"/>
    </xf>
    <xf numFmtId="176" fontId="3" fillId="0" borderId="15" xfId="1" applyNumberFormat="1" applyFont="1" applyBorder="1" applyAlignment="1">
      <alignment horizontal="center"/>
    </xf>
    <xf numFmtId="40" fontId="3" fillId="0" borderId="47" xfId="1" applyNumberFormat="1" applyFont="1" applyBorder="1" applyAlignment="1">
      <alignment horizontal="center"/>
    </xf>
    <xf numFmtId="40" fontId="3" fillId="0" borderId="18" xfId="1" applyNumberFormat="1" applyFont="1" applyBorder="1" applyAlignment="1">
      <alignment horizontal="center"/>
    </xf>
    <xf numFmtId="40" fontId="3" fillId="0" borderId="19" xfId="1" applyNumberFormat="1" applyFont="1" applyBorder="1" applyAlignment="1">
      <alignment horizontal="center"/>
    </xf>
    <xf numFmtId="40" fontId="3" fillId="0" borderId="20" xfId="1" applyNumberFormat="1" applyFont="1" applyBorder="1" applyAlignment="1">
      <alignment horizontal="center"/>
    </xf>
    <xf numFmtId="178" fontId="3" fillId="0" borderId="15" xfId="1" applyNumberFormat="1" applyFont="1" applyBorder="1" applyAlignment="1">
      <alignment horizontal="center"/>
    </xf>
    <xf numFmtId="40" fontId="3" fillId="0" borderId="15" xfId="1" applyNumberFormat="1" applyFont="1" applyBorder="1" applyAlignment="1">
      <alignment horizontal="center"/>
    </xf>
    <xf numFmtId="40" fontId="3" fillId="0" borderId="22" xfId="1" applyNumberFormat="1" applyFont="1" applyBorder="1" applyAlignment="1">
      <alignment horizontal="center"/>
    </xf>
    <xf numFmtId="40" fontId="3" fillId="0" borderId="45" xfId="1" applyNumberFormat="1" applyFont="1" applyBorder="1" applyAlignment="1">
      <alignment horizontal="center"/>
    </xf>
    <xf numFmtId="2" fontId="3" fillId="0" borderId="23" xfId="1" applyNumberFormat="1" applyFont="1" applyBorder="1" applyAlignment="1">
      <alignment horizontal="center"/>
    </xf>
    <xf numFmtId="38" fontId="7" fillId="0" borderId="59" xfId="1" applyNumberFormat="1" applyFont="1" applyBorder="1" applyAlignment="1"/>
    <xf numFmtId="38" fontId="8" fillId="0" borderId="59" xfId="1" applyFont="1" applyBorder="1" applyAlignment="1">
      <alignment horizontal="right"/>
    </xf>
    <xf numFmtId="2" fontId="3" fillId="0" borderId="60" xfId="1" applyNumberFormat="1" applyFont="1" applyBorder="1"/>
    <xf numFmtId="2" fontId="3" fillId="0" borderId="61" xfId="1" applyNumberFormat="1" applyFont="1" applyBorder="1"/>
    <xf numFmtId="2" fontId="3" fillId="0" borderId="62" xfId="1" applyNumberFormat="1" applyFont="1" applyBorder="1"/>
    <xf numFmtId="40" fontId="3" fillId="0" borderId="63" xfId="1" applyNumberFormat="1" applyFont="1" applyBorder="1"/>
    <xf numFmtId="38" fontId="3" fillId="0" borderId="64" xfId="1" applyFont="1" applyBorder="1"/>
    <xf numFmtId="2" fontId="3" fillId="0" borderId="65" xfId="1" applyNumberFormat="1" applyFont="1" applyBorder="1"/>
    <xf numFmtId="176" fontId="3" fillId="0" borderId="61" xfId="1" applyNumberFormat="1" applyFont="1" applyBorder="1"/>
    <xf numFmtId="2" fontId="3" fillId="0" borderId="66" xfId="1" applyNumberFormat="1" applyFont="1" applyBorder="1"/>
    <xf numFmtId="2" fontId="3" fillId="0" borderId="67" xfId="1" applyNumberFormat="1" applyFont="1" applyBorder="1"/>
    <xf numFmtId="2" fontId="3" fillId="0" borderId="68" xfId="1" applyNumberFormat="1" applyFont="1" applyBorder="1"/>
    <xf numFmtId="178" fontId="3" fillId="0" borderId="69" xfId="1" applyNumberFormat="1" applyFont="1" applyBorder="1"/>
    <xf numFmtId="2" fontId="3" fillId="0" borderId="70" xfId="1" applyNumberFormat="1" applyFont="1" applyBorder="1"/>
    <xf numFmtId="2" fontId="3" fillId="0" borderId="69" xfId="1" applyNumberFormat="1" applyFont="1" applyBorder="1"/>
    <xf numFmtId="2" fontId="3" fillId="0" borderId="71" xfId="1" applyNumberFormat="1" applyFont="1" applyBorder="1"/>
    <xf numFmtId="2" fontId="3" fillId="0" borderId="72" xfId="1" applyNumberFormat="1" applyFont="1" applyBorder="1"/>
    <xf numFmtId="40" fontId="3" fillId="0" borderId="60" xfId="1" applyNumberFormat="1" applyFont="1" applyBorder="1"/>
    <xf numFmtId="179" fontId="3" fillId="0" borderId="0" xfId="1" applyNumberFormat="1" applyFont="1" applyBorder="1"/>
    <xf numFmtId="38" fontId="7" fillId="0" borderId="75" xfId="1" applyFont="1" applyBorder="1" applyAlignment="1">
      <alignment horizontal="right"/>
    </xf>
    <xf numFmtId="38" fontId="8" fillId="0" borderId="76" xfId="1" applyFont="1" applyBorder="1" applyAlignment="1">
      <alignment horizontal="right"/>
    </xf>
    <xf numFmtId="2" fontId="3" fillId="0" borderId="77" xfId="1" applyNumberFormat="1" applyFont="1" applyBorder="1"/>
    <xf numFmtId="2" fontId="3" fillId="0" borderId="78" xfId="1" applyNumberFormat="1" applyFont="1" applyBorder="1"/>
    <xf numFmtId="2" fontId="3" fillId="0" borderId="79" xfId="1" applyNumberFormat="1" applyFont="1" applyBorder="1"/>
    <xf numFmtId="40" fontId="3" fillId="0" borderId="75" xfId="1" applyNumberFormat="1" applyFont="1" applyBorder="1"/>
    <xf numFmtId="38" fontId="3" fillId="0" borderId="80" xfId="1" applyFont="1" applyBorder="1"/>
    <xf numFmtId="2" fontId="3" fillId="0" borderId="75" xfId="1" applyNumberFormat="1" applyFont="1" applyBorder="1"/>
    <xf numFmtId="176" fontId="3" fillId="0" borderId="78" xfId="1" applyNumberFormat="1" applyFont="1" applyBorder="1"/>
    <xf numFmtId="2" fontId="3" fillId="0" borderId="80" xfId="1" applyNumberFormat="1" applyFont="1" applyBorder="1"/>
    <xf numFmtId="2" fontId="3" fillId="0" borderId="81" xfId="1" applyNumberFormat="1" applyFont="1" applyBorder="1"/>
    <xf numFmtId="178" fontId="3" fillId="0" borderId="78" xfId="1" applyNumberFormat="1" applyFont="1" applyBorder="1"/>
    <xf numFmtId="2" fontId="3" fillId="0" borderId="74" xfId="1" applyNumberFormat="1" applyFont="1" applyBorder="1"/>
    <xf numFmtId="40" fontId="3" fillId="0" borderId="77" xfId="1" applyNumberFormat="1" applyFont="1" applyBorder="1"/>
    <xf numFmtId="2" fontId="3" fillId="0" borderId="82" xfId="1" applyNumberFormat="1" applyFont="1" applyBorder="1"/>
    <xf numFmtId="176" fontId="3" fillId="0" borderId="0" xfId="1" applyNumberFormat="1" applyFont="1"/>
    <xf numFmtId="38" fontId="3" fillId="0" borderId="0" xfId="1" applyFont="1" applyBorder="1"/>
    <xf numFmtId="38" fontId="3" fillId="0" borderId="4" xfId="1" quotePrefix="1" applyFont="1" applyBorder="1" applyAlignment="1">
      <alignment horizontal="distributed" justifyLastLine="1"/>
    </xf>
    <xf numFmtId="0" fontId="0" fillId="0" borderId="5" xfId="0" applyBorder="1" applyAlignment="1">
      <alignment horizontal="distributed" justifyLastLine="1"/>
    </xf>
    <xf numFmtId="0" fontId="0" fillId="0" borderId="6" xfId="0" applyBorder="1" applyAlignment="1">
      <alignment horizontal="distributed" justifyLastLine="1"/>
    </xf>
    <xf numFmtId="38" fontId="3" fillId="0" borderId="4" xfId="1" applyFont="1" applyBorder="1" applyAlignment="1">
      <alignment horizontal="distributed" justifyLastLine="1"/>
    </xf>
    <xf numFmtId="38" fontId="3" fillId="0" borderId="5" xfId="1" quotePrefix="1" applyFont="1" applyBorder="1" applyAlignment="1">
      <alignment horizontal="distributed" justifyLastLine="1"/>
    </xf>
    <xf numFmtId="38" fontId="3" fillId="0" borderId="10" xfId="1" quotePrefix="1" applyFont="1" applyBorder="1" applyAlignment="1">
      <alignment horizontal="distributed" justifyLastLine="1"/>
    </xf>
    <xf numFmtId="38" fontId="3" fillId="0" borderId="57" xfId="1" applyFont="1" applyBorder="1" applyAlignment="1">
      <alignment horizontal="distributed" justifyLastLine="1"/>
    </xf>
    <xf numFmtId="0" fontId="0" fillId="0" borderId="58" xfId="0" applyBorder="1" applyAlignment="1">
      <alignment horizontal="distributed" justifyLastLine="1"/>
    </xf>
    <xf numFmtId="38" fontId="3" fillId="0" borderId="73" xfId="1" applyFont="1" applyBorder="1" applyAlignment="1">
      <alignment horizontal="distributed" justifyLastLine="1"/>
    </xf>
    <xf numFmtId="0" fontId="0" fillId="0" borderId="74" xfId="0" applyBorder="1" applyAlignment="1">
      <alignment horizontal="distributed" justifyLastLine="1"/>
    </xf>
    <xf numFmtId="38" fontId="3" fillId="0" borderId="7" xfId="1" applyFont="1" applyBorder="1" applyAlignment="1">
      <alignment horizontal="distributed" justifyLastLine="1"/>
    </xf>
    <xf numFmtId="38" fontId="3" fillId="0" borderId="8" xfId="1" quotePrefix="1" applyFont="1" applyBorder="1" applyAlignment="1">
      <alignment horizontal="distributed" justifyLastLine="1"/>
    </xf>
    <xf numFmtId="38" fontId="3" fillId="0" borderId="9" xfId="1" quotePrefix="1" applyFont="1" applyBorder="1" applyAlignment="1">
      <alignment horizontal="distributed" justifyLastLine="1"/>
    </xf>
    <xf numFmtId="38" fontId="3" fillId="0" borderId="5" xfId="1" applyFont="1" applyBorder="1" applyAlignment="1">
      <alignment horizontal="distributed" justifyLastLine="1"/>
    </xf>
    <xf numFmtId="38" fontId="3" fillId="0" borderId="6" xfId="1" quotePrefix="1" applyFont="1" applyBorder="1" applyAlignment="1">
      <alignment horizontal="distributed" justifyLastLine="1"/>
    </xf>
    <xf numFmtId="38" fontId="3" fillId="0" borderId="1" xfId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justifyLastLine="1"/>
    </xf>
    <xf numFmtId="0" fontId="0" fillId="0" borderId="11" xfId="0" applyBorder="1" applyAlignment="1">
      <alignment horizontal="distributed" justifyLastLine="1"/>
    </xf>
    <xf numFmtId="0" fontId="0" fillId="0" borderId="12" xfId="0" applyBorder="1" applyAlignment="1">
      <alignment horizontal="distributed" justifyLastLine="1"/>
    </xf>
    <xf numFmtId="0" fontId="0" fillId="0" borderId="24" xfId="0" applyBorder="1" applyAlignment="1">
      <alignment horizontal="distributed" justifyLastLine="1"/>
    </xf>
    <xf numFmtId="0" fontId="0" fillId="0" borderId="25" xfId="0" applyBorder="1" applyAlignment="1">
      <alignment horizontal="distributed" justifyLastLine="1"/>
    </xf>
    <xf numFmtId="38" fontId="3" fillId="0" borderId="4" xfId="1" applyFont="1" applyFill="1" applyBorder="1" applyAlignment="1">
      <alignment horizontal="distributed" justifyLastLine="1"/>
    </xf>
    <xf numFmtId="38" fontId="3" fillId="0" borderId="5" xfId="1" quotePrefix="1" applyFont="1" applyFill="1" applyBorder="1" applyAlignment="1">
      <alignment horizontal="distributed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T52"/>
  <sheetViews>
    <sheetView tabSelected="1" view="pageBreakPreview" zoomScaleNormal="100" workbookViewId="0">
      <selection activeCell="AQ11" sqref="AQ11"/>
    </sheetView>
  </sheetViews>
  <sheetFormatPr defaultRowHeight="11.25" x14ac:dyDescent="0.15"/>
  <cols>
    <col min="1" max="1" width="3.625" style="54" customWidth="1"/>
    <col min="2" max="2" width="8.375" style="54" customWidth="1"/>
    <col min="3" max="3" width="9" style="54" hidden="1" customWidth="1"/>
    <col min="4" max="4" width="8.375" style="54" hidden="1" customWidth="1"/>
    <col min="5" max="5" width="7.375" style="54" hidden="1" customWidth="1"/>
    <col min="6" max="6" width="6.625" style="54" hidden="1" customWidth="1"/>
    <col min="7" max="7" width="6.5" style="54" hidden="1" customWidth="1"/>
    <col min="8" max="8" width="6.625" style="54" hidden="1" customWidth="1"/>
    <col min="9" max="9" width="3.125" style="54" hidden="1" customWidth="1"/>
    <col min="10" max="10" width="6.125" style="54" hidden="1" customWidth="1"/>
    <col min="11" max="11" width="6.5" style="54" hidden="1" customWidth="1"/>
    <col min="12" max="12" width="3.125" style="156" hidden="1" customWidth="1"/>
    <col min="13" max="13" width="6.125" style="54" hidden="1" customWidth="1"/>
    <col min="14" max="14" width="6.625" style="54" hidden="1" customWidth="1"/>
    <col min="15" max="15" width="3.125" style="156" hidden="1" customWidth="1"/>
    <col min="16" max="16" width="6.125" style="54" hidden="1" customWidth="1"/>
    <col min="17" max="17" width="6.625" style="54" hidden="1" customWidth="1"/>
    <col min="18" max="18" width="3.125" style="156" hidden="1" customWidth="1"/>
    <col min="19" max="19" width="6.125" style="54" hidden="1" customWidth="1"/>
    <col min="20" max="20" width="6.625" style="54" hidden="1" customWidth="1"/>
    <col min="21" max="21" width="3.125" style="54" hidden="1" customWidth="1"/>
    <col min="22" max="22" width="6.125" style="54" hidden="1" customWidth="1"/>
    <col min="23" max="23" width="6.625" style="54" hidden="1" customWidth="1"/>
    <col min="24" max="24" width="3.125" style="54" hidden="1" customWidth="1"/>
    <col min="25" max="25" width="6.125" style="54" hidden="1" customWidth="1"/>
    <col min="26" max="26" width="6.625" style="54" hidden="1" customWidth="1"/>
    <col min="27" max="27" width="3.125" style="54" hidden="1" customWidth="1"/>
    <col min="28" max="28" width="6.125" style="54" hidden="1" customWidth="1"/>
    <col min="29" max="29" width="6.125" style="54" customWidth="1"/>
    <col min="30" max="30" width="3.125" style="54" customWidth="1"/>
    <col min="31" max="32" width="6.125" style="54" customWidth="1"/>
    <col min="33" max="33" width="3.125" style="54" customWidth="1"/>
    <col min="34" max="35" width="6.125" style="54" customWidth="1"/>
    <col min="36" max="36" width="3.125" style="54" customWidth="1"/>
    <col min="37" max="37" width="6.125" style="54" customWidth="1"/>
    <col min="38" max="38" width="6.625" style="54" customWidth="1"/>
    <col min="39" max="39" width="3.125" style="54" customWidth="1"/>
    <col min="40" max="40" width="6.125" style="54" customWidth="1"/>
    <col min="41" max="41" width="6.625" style="54" customWidth="1"/>
    <col min="42" max="42" width="3.125" style="54" customWidth="1"/>
    <col min="43" max="46" width="6.125" style="54" customWidth="1"/>
    <col min="47" max="16384" width="9" style="54"/>
  </cols>
  <sheetData>
    <row r="1" spans="1:46" s="2" customFormat="1" ht="15.75" customHeight="1" x14ac:dyDescent="0.15">
      <c r="A1" s="1" t="s">
        <v>0</v>
      </c>
      <c r="L1" s="3"/>
      <c r="O1" s="3"/>
      <c r="R1" s="3"/>
    </row>
    <row r="2" spans="1:46" s="2" customFormat="1" ht="10.5" customHeight="1" thickBot="1" x14ac:dyDescent="0.2">
      <c r="L2" s="3"/>
      <c r="O2" s="3"/>
      <c r="R2" s="3"/>
    </row>
    <row r="3" spans="1:46" s="6" customFormat="1" ht="15" customHeight="1" x14ac:dyDescent="0.15">
      <c r="A3" s="173" t="s">
        <v>1</v>
      </c>
      <c r="B3" s="174"/>
      <c r="C3" s="4" t="s">
        <v>2</v>
      </c>
      <c r="D3" s="4" t="s">
        <v>2</v>
      </c>
      <c r="E3" s="179" t="s">
        <v>3</v>
      </c>
      <c r="F3" s="180"/>
      <c r="G3" s="180"/>
      <c r="H3" s="161" t="s">
        <v>4</v>
      </c>
      <c r="I3" s="162"/>
      <c r="J3" s="172"/>
      <c r="K3" s="171" t="s">
        <v>5</v>
      </c>
      <c r="L3" s="162"/>
      <c r="M3" s="162"/>
      <c r="N3" s="161" t="s">
        <v>6</v>
      </c>
      <c r="O3" s="162"/>
      <c r="P3" s="172"/>
      <c r="Q3" s="161" t="s">
        <v>7</v>
      </c>
      <c r="R3" s="162"/>
      <c r="S3" s="172"/>
      <c r="T3" s="161" t="s">
        <v>8</v>
      </c>
      <c r="U3" s="162"/>
      <c r="V3" s="162"/>
      <c r="W3" s="168" t="s">
        <v>9</v>
      </c>
      <c r="X3" s="169"/>
      <c r="Y3" s="170"/>
      <c r="Z3" s="171" t="s">
        <v>10</v>
      </c>
      <c r="AA3" s="162"/>
      <c r="AB3" s="162"/>
      <c r="AC3" s="161" t="s">
        <v>11</v>
      </c>
      <c r="AD3" s="162"/>
      <c r="AE3" s="172"/>
      <c r="AF3" s="161" t="s">
        <v>12</v>
      </c>
      <c r="AG3" s="162"/>
      <c r="AH3" s="162"/>
      <c r="AI3" s="161" t="s">
        <v>13</v>
      </c>
      <c r="AJ3" s="162"/>
      <c r="AK3" s="172"/>
      <c r="AL3" s="158" t="s">
        <v>14</v>
      </c>
      <c r="AM3" s="159"/>
      <c r="AN3" s="160"/>
      <c r="AO3" s="161" t="s">
        <v>15</v>
      </c>
      <c r="AP3" s="162"/>
      <c r="AQ3" s="163"/>
      <c r="AR3" s="5"/>
      <c r="AS3" s="5"/>
      <c r="AT3" s="5"/>
    </row>
    <row r="4" spans="1:46" s="6" customFormat="1" ht="12.75" customHeight="1" x14ac:dyDescent="0.15">
      <c r="A4" s="175"/>
      <c r="B4" s="176"/>
      <c r="C4" s="7" t="s">
        <v>16</v>
      </c>
      <c r="D4" s="7" t="s">
        <v>17</v>
      </c>
      <c r="E4" s="8" t="s">
        <v>18</v>
      </c>
      <c r="F4" s="9" t="s">
        <v>19</v>
      </c>
      <c r="G4" s="10" t="s">
        <v>20</v>
      </c>
      <c r="H4" s="11" t="s">
        <v>18</v>
      </c>
      <c r="I4" s="9" t="s">
        <v>19</v>
      </c>
      <c r="J4" s="12" t="s">
        <v>21</v>
      </c>
      <c r="K4" s="13" t="s">
        <v>18</v>
      </c>
      <c r="L4" s="14" t="s">
        <v>19</v>
      </c>
      <c r="M4" s="13" t="s">
        <v>22</v>
      </c>
      <c r="N4" s="15" t="s">
        <v>18</v>
      </c>
      <c r="O4" s="14" t="s">
        <v>19</v>
      </c>
      <c r="P4" s="16" t="s">
        <v>23</v>
      </c>
      <c r="Q4" s="15" t="s">
        <v>18</v>
      </c>
      <c r="R4" s="14" t="s">
        <v>19</v>
      </c>
      <c r="S4" s="16" t="s">
        <v>24</v>
      </c>
      <c r="T4" s="17" t="s">
        <v>18</v>
      </c>
      <c r="U4" s="18" t="s">
        <v>19</v>
      </c>
      <c r="V4" s="17" t="s">
        <v>25</v>
      </c>
      <c r="W4" s="15" t="s">
        <v>18</v>
      </c>
      <c r="X4" s="18" t="s">
        <v>19</v>
      </c>
      <c r="Y4" s="16" t="s">
        <v>26</v>
      </c>
      <c r="Z4" s="17" t="s">
        <v>18</v>
      </c>
      <c r="AA4" s="18" t="s">
        <v>19</v>
      </c>
      <c r="AB4" s="17" t="s">
        <v>27</v>
      </c>
      <c r="AC4" s="19" t="s">
        <v>18</v>
      </c>
      <c r="AD4" s="18" t="s">
        <v>19</v>
      </c>
      <c r="AE4" s="20" t="s">
        <v>28</v>
      </c>
      <c r="AF4" s="15" t="s">
        <v>18</v>
      </c>
      <c r="AG4" s="18" t="s">
        <v>19</v>
      </c>
      <c r="AH4" s="17" t="s">
        <v>29</v>
      </c>
      <c r="AI4" s="19" t="s">
        <v>18</v>
      </c>
      <c r="AJ4" s="18" t="s">
        <v>19</v>
      </c>
      <c r="AK4" s="20" t="s">
        <v>30</v>
      </c>
      <c r="AL4" s="17" t="s">
        <v>18</v>
      </c>
      <c r="AM4" s="18" t="s">
        <v>19</v>
      </c>
      <c r="AN4" s="17" t="s">
        <v>31</v>
      </c>
      <c r="AO4" s="21" t="s">
        <v>18</v>
      </c>
      <c r="AP4" s="9" t="s">
        <v>19</v>
      </c>
      <c r="AQ4" s="22" t="s">
        <v>32</v>
      </c>
      <c r="AR4" s="13"/>
      <c r="AS4" s="13"/>
      <c r="AT4" s="13"/>
    </row>
    <row r="5" spans="1:46" s="6" customFormat="1" ht="12.75" customHeight="1" x14ac:dyDescent="0.15">
      <c r="A5" s="177"/>
      <c r="B5" s="178"/>
      <c r="C5" s="8" t="s">
        <v>33</v>
      </c>
      <c r="D5" s="23" t="s">
        <v>34</v>
      </c>
      <c r="E5" s="8" t="s">
        <v>35</v>
      </c>
      <c r="F5" s="24" t="s">
        <v>36</v>
      </c>
      <c r="G5" s="24" t="s">
        <v>37</v>
      </c>
      <c r="H5" s="25" t="s">
        <v>35</v>
      </c>
      <c r="I5" s="26" t="s">
        <v>36</v>
      </c>
      <c r="J5" s="27" t="s">
        <v>37</v>
      </c>
      <c r="K5" s="28" t="s">
        <v>35</v>
      </c>
      <c r="L5" s="29" t="s">
        <v>36</v>
      </c>
      <c r="M5" s="28" t="s">
        <v>37</v>
      </c>
      <c r="N5" s="30" t="s">
        <v>35</v>
      </c>
      <c r="O5" s="29" t="s">
        <v>36</v>
      </c>
      <c r="P5" s="27" t="s">
        <v>37</v>
      </c>
      <c r="Q5" s="30" t="s">
        <v>35</v>
      </c>
      <c r="R5" s="29" t="s">
        <v>36</v>
      </c>
      <c r="S5" s="27" t="s">
        <v>37</v>
      </c>
      <c r="T5" s="28" t="s">
        <v>35</v>
      </c>
      <c r="U5" s="31" t="s">
        <v>36</v>
      </c>
      <c r="V5" s="28" t="s">
        <v>37</v>
      </c>
      <c r="W5" s="30" t="s">
        <v>35</v>
      </c>
      <c r="X5" s="31" t="s">
        <v>36</v>
      </c>
      <c r="Y5" s="27" t="s">
        <v>37</v>
      </c>
      <c r="Z5" s="28" t="s">
        <v>35</v>
      </c>
      <c r="AA5" s="31" t="s">
        <v>36</v>
      </c>
      <c r="AB5" s="28" t="s">
        <v>37</v>
      </c>
      <c r="AC5" s="32" t="s">
        <v>35</v>
      </c>
      <c r="AD5" s="31" t="s">
        <v>36</v>
      </c>
      <c r="AE5" s="33" t="s">
        <v>37</v>
      </c>
      <c r="AF5" s="30" t="s">
        <v>35</v>
      </c>
      <c r="AG5" s="31" t="s">
        <v>36</v>
      </c>
      <c r="AH5" s="28" t="s">
        <v>37</v>
      </c>
      <c r="AI5" s="32" t="s">
        <v>35</v>
      </c>
      <c r="AJ5" s="31" t="s">
        <v>36</v>
      </c>
      <c r="AK5" s="33" t="s">
        <v>37</v>
      </c>
      <c r="AL5" s="28" t="s">
        <v>35</v>
      </c>
      <c r="AM5" s="31" t="s">
        <v>36</v>
      </c>
      <c r="AN5" s="28" t="s">
        <v>37</v>
      </c>
      <c r="AO5" s="32" t="s">
        <v>35</v>
      </c>
      <c r="AP5" s="26" t="s">
        <v>36</v>
      </c>
      <c r="AQ5" s="34" t="s">
        <v>37</v>
      </c>
      <c r="AR5" s="35"/>
      <c r="AS5" s="35"/>
      <c r="AT5" s="35"/>
    </row>
    <row r="6" spans="1:46" ht="20.100000000000001" customHeight="1" x14ac:dyDescent="0.15">
      <c r="A6" s="36">
        <v>1</v>
      </c>
      <c r="B6" s="37" t="s">
        <v>38</v>
      </c>
      <c r="C6" s="38">
        <v>3728124</v>
      </c>
      <c r="D6" s="39">
        <v>782199</v>
      </c>
      <c r="E6" s="40">
        <v>32.93945882150787</v>
      </c>
      <c r="F6" s="41">
        <v>37</v>
      </c>
      <c r="G6" s="42">
        <v>0.93945882150786986</v>
      </c>
      <c r="H6" s="43">
        <v>33.14</v>
      </c>
      <c r="I6" s="44">
        <v>35</v>
      </c>
      <c r="J6" s="42">
        <v>0.2</v>
      </c>
      <c r="K6" s="45">
        <v>33.049999999999997</v>
      </c>
      <c r="L6" s="46">
        <v>32</v>
      </c>
      <c r="M6" s="45">
        <v>-0.09</v>
      </c>
      <c r="N6" s="40">
        <v>32.76</v>
      </c>
      <c r="O6" s="46">
        <v>31</v>
      </c>
      <c r="P6" s="42">
        <v>-0.28999999999999998</v>
      </c>
      <c r="Q6" s="40">
        <v>25.86</v>
      </c>
      <c r="R6" s="47">
        <v>32</v>
      </c>
      <c r="S6" s="42">
        <v>-6.9</v>
      </c>
      <c r="T6" s="45">
        <v>25.78</v>
      </c>
      <c r="U6" s="47">
        <v>32</v>
      </c>
      <c r="V6" s="45">
        <v>-0.08</v>
      </c>
      <c r="W6" s="40">
        <v>25.71</v>
      </c>
      <c r="X6" s="48">
        <v>31</v>
      </c>
      <c r="Y6" s="42">
        <v>-7.0000000000000007E-2</v>
      </c>
      <c r="Z6" s="45">
        <v>25.52</v>
      </c>
      <c r="AA6" s="47">
        <v>31</v>
      </c>
      <c r="AB6" s="45">
        <v>-0.19</v>
      </c>
      <c r="AC6" s="49">
        <v>24.61</v>
      </c>
      <c r="AD6" s="47">
        <v>31</v>
      </c>
      <c r="AE6" s="50">
        <v>-0.91</v>
      </c>
      <c r="AF6" s="40">
        <v>23.24</v>
      </c>
      <c r="AG6" s="47">
        <v>31</v>
      </c>
      <c r="AH6" s="45">
        <v>-1.37</v>
      </c>
      <c r="AI6" s="49">
        <v>23.18</v>
      </c>
      <c r="AJ6" s="47">
        <v>31</v>
      </c>
      <c r="AK6" s="50">
        <v>-0.06</v>
      </c>
      <c r="AL6" s="45">
        <v>22.23</v>
      </c>
      <c r="AM6" s="51">
        <v>32</v>
      </c>
      <c r="AN6" s="45">
        <v>-0.95</v>
      </c>
      <c r="AO6" s="43">
        <v>20.98</v>
      </c>
      <c r="AP6" s="44">
        <v>31</v>
      </c>
      <c r="AQ6" s="52">
        <v>-1.25</v>
      </c>
      <c r="AR6" s="53"/>
      <c r="AS6" s="53"/>
      <c r="AT6" s="53"/>
    </row>
    <row r="7" spans="1:46" ht="20.100000000000001" customHeight="1" x14ac:dyDescent="0.15">
      <c r="A7" s="36">
        <v>2</v>
      </c>
      <c r="B7" s="37" t="s">
        <v>39</v>
      </c>
      <c r="C7" s="55">
        <v>1496035</v>
      </c>
      <c r="D7" s="39">
        <v>293540</v>
      </c>
      <c r="E7" s="40">
        <v>33.752882538806887</v>
      </c>
      <c r="F7" s="41">
        <v>33</v>
      </c>
      <c r="G7" s="42">
        <v>0.89288253880688728</v>
      </c>
      <c r="H7" s="43">
        <v>33.950000000000003</v>
      </c>
      <c r="I7" s="44">
        <v>32</v>
      </c>
      <c r="J7" s="42">
        <v>0.2</v>
      </c>
      <c r="K7" s="45">
        <v>33.32</v>
      </c>
      <c r="L7" s="46">
        <v>31</v>
      </c>
      <c r="M7" s="45">
        <v>-0.63</v>
      </c>
      <c r="N7" s="40">
        <v>32.450000000000003</v>
      </c>
      <c r="O7" s="46">
        <v>32</v>
      </c>
      <c r="P7" s="42">
        <v>-0.87</v>
      </c>
      <c r="Q7" s="40">
        <v>26.12</v>
      </c>
      <c r="R7" s="47">
        <v>31</v>
      </c>
      <c r="S7" s="42">
        <v>-6.33</v>
      </c>
      <c r="T7" s="45">
        <v>25.74</v>
      </c>
      <c r="U7" s="47">
        <v>33</v>
      </c>
      <c r="V7" s="45">
        <v>-0.38</v>
      </c>
      <c r="W7" s="40">
        <v>25.39</v>
      </c>
      <c r="X7" s="48">
        <v>32</v>
      </c>
      <c r="Y7" s="42">
        <v>-0.35</v>
      </c>
      <c r="Z7" s="45">
        <v>25.18</v>
      </c>
      <c r="AA7" s="47">
        <v>32</v>
      </c>
      <c r="AB7" s="45">
        <v>-0.21</v>
      </c>
      <c r="AC7" s="49">
        <v>24.03</v>
      </c>
      <c r="AD7" s="47">
        <v>33</v>
      </c>
      <c r="AE7" s="50">
        <v>-1.1499999999999999</v>
      </c>
      <c r="AF7" s="40">
        <v>22.41</v>
      </c>
      <c r="AG7" s="47">
        <v>33</v>
      </c>
      <c r="AH7" s="45">
        <v>-1.62</v>
      </c>
      <c r="AI7" s="49">
        <v>22.21</v>
      </c>
      <c r="AJ7" s="47">
        <v>33</v>
      </c>
      <c r="AK7" s="50">
        <v>-0.2</v>
      </c>
      <c r="AL7" s="45">
        <v>21.14</v>
      </c>
      <c r="AM7" s="51">
        <v>33</v>
      </c>
      <c r="AN7" s="45">
        <v>-1.07</v>
      </c>
      <c r="AO7" s="43">
        <v>19.62</v>
      </c>
      <c r="AP7" s="44">
        <v>33</v>
      </c>
      <c r="AQ7" s="52">
        <v>-1.52</v>
      </c>
      <c r="AR7" s="53"/>
      <c r="AS7" s="53"/>
      <c r="AT7" s="53"/>
    </row>
    <row r="8" spans="1:46" ht="20.100000000000001" customHeight="1" x14ac:dyDescent="0.15">
      <c r="A8" s="36">
        <v>3</v>
      </c>
      <c r="B8" s="37" t="s">
        <v>40</v>
      </c>
      <c r="C8" s="55">
        <v>401285</v>
      </c>
      <c r="D8" s="39">
        <v>104649</v>
      </c>
      <c r="E8" s="40">
        <v>37.336731740563351</v>
      </c>
      <c r="F8" s="41">
        <v>22</v>
      </c>
      <c r="G8" s="42">
        <v>1.6067317405633545</v>
      </c>
      <c r="H8" s="43">
        <v>37.369999999999997</v>
      </c>
      <c r="I8" s="44">
        <v>22</v>
      </c>
      <c r="J8" s="42">
        <v>0.03</v>
      </c>
      <c r="K8" s="45">
        <v>37.47</v>
      </c>
      <c r="L8" s="46">
        <v>19</v>
      </c>
      <c r="M8" s="45">
        <v>0.1</v>
      </c>
      <c r="N8" s="40">
        <v>37.39</v>
      </c>
      <c r="O8" s="46">
        <v>17</v>
      </c>
      <c r="P8" s="42">
        <v>-0.08</v>
      </c>
      <c r="Q8" s="40">
        <v>28.44</v>
      </c>
      <c r="R8" s="47">
        <v>24</v>
      </c>
      <c r="S8" s="42">
        <v>-8.9499999999999993</v>
      </c>
      <c r="T8" s="45">
        <v>28.66</v>
      </c>
      <c r="U8" s="47">
        <v>23</v>
      </c>
      <c r="V8" s="45">
        <v>0.22</v>
      </c>
      <c r="W8" s="40">
        <v>28.84</v>
      </c>
      <c r="X8" s="48">
        <v>21</v>
      </c>
      <c r="Y8" s="42">
        <v>0.18</v>
      </c>
      <c r="Z8" s="45">
        <v>29.23</v>
      </c>
      <c r="AA8" s="47">
        <v>21</v>
      </c>
      <c r="AB8" s="45">
        <v>0.39</v>
      </c>
      <c r="AC8" s="49">
        <v>28.82</v>
      </c>
      <c r="AD8" s="47">
        <v>22</v>
      </c>
      <c r="AE8" s="50">
        <v>-0.41</v>
      </c>
      <c r="AF8" s="40">
        <v>28.52</v>
      </c>
      <c r="AG8" s="47">
        <v>14</v>
      </c>
      <c r="AH8" s="45">
        <v>-0.3</v>
      </c>
      <c r="AI8" s="49">
        <v>28.7</v>
      </c>
      <c r="AJ8" s="47">
        <v>13</v>
      </c>
      <c r="AK8" s="50">
        <v>0.18</v>
      </c>
      <c r="AL8" s="45">
        <v>27.56</v>
      </c>
      <c r="AM8" s="51">
        <v>14</v>
      </c>
      <c r="AN8" s="45">
        <v>-1.1399999999999999</v>
      </c>
      <c r="AO8" s="43">
        <v>26.08</v>
      </c>
      <c r="AP8" s="44">
        <v>14</v>
      </c>
      <c r="AQ8" s="52">
        <v>-1.48</v>
      </c>
      <c r="AR8" s="53"/>
      <c r="AS8" s="53"/>
      <c r="AT8" s="53"/>
    </row>
    <row r="9" spans="1:46" ht="20.100000000000001" customHeight="1" x14ac:dyDescent="0.15">
      <c r="A9" s="36">
        <v>4</v>
      </c>
      <c r="B9" s="37" t="s">
        <v>41</v>
      </c>
      <c r="C9" s="55">
        <v>257877</v>
      </c>
      <c r="D9" s="39">
        <v>65184</v>
      </c>
      <c r="E9" s="40">
        <v>37.857890379719159</v>
      </c>
      <c r="F9" s="41">
        <v>19</v>
      </c>
      <c r="G9" s="42">
        <v>1.2978903797191563</v>
      </c>
      <c r="H9" s="43">
        <v>38.119999999999997</v>
      </c>
      <c r="I9" s="44">
        <v>19</v>
      </c>
      <c r="J9" s="42">
        <v>0.26</v>
      </c>
      <c r="K9" s="45">
        <v>37.82</v>
      </c>
      <c r="L9" s="46">
        <v>17</v>
      </c>
      <c r="M9" s="45">
        <v>-0.3</v>
      </c>
      <c r="N9" s="40">
        <v>37.33</v>
      </c>
      <c r="O9" s="46">
        <v>18</v>
      </c>
      <c r="P9" s="42">
        <v>-0.49</v>
      </c>
      <c r="Q9" s="40">
        <v>30.26</v>
      </c>
      <c r="R9" s="47">
        <v>12</v>
      </c>
      <c r="S9" s="42">
        <v>-7.07</v>
      </c>
      <c r="T9" s="45">
        <v>30.28</v>
      </c>
      <c r="U9" s="47">
        <v>14</v>
      </c>
      <c r="V9" s="45">
        <v>0.02</v>
      </c>
      <c r="W9" s="40">
        <v>30.3</v>
      </c>
      <c r="X9" s="48">
        <v>14</v>
      </c>
      <c r="Y9" s="42">
        <v>0.02</v>
      </c>
      <c r="Z9" s="45">
        <v>30.09</v>
      </c>
      <c r="AA9" s="47">
        <v>16</v>
      </c>
      <c r="AB9" s="45">
        <v>-0.21</v>
      </c>
      <c r="AC9" s="49">
        <v>29.41</v>
      </c>
      <c r="AD9" s="47">
        <v>15</v>
      </c>
      <c r="AE9" s="50">
        <v>-0.68</v>
      </c>
      <c r="AF9" s="40">
        <v>28.32</v>
      </c>
      <c r="AG9" s="47">
        <v>16</v>
      </c>
      <c r="AH9" s="45">
        <v>-1.0900000000000001</v>
      </c>
      <c r="AI9" s="49">
        <v>28.4</v>
      </c>
      <c r="AJ9" s="47">
        <v>16</v>
      </c>
      <c r="AK9" s="50">
        <v>0.08</v>
      </c>
      <c r="AL9" s="45">
        <v>27</v>
      </c>
      <c r="AM9" s="51">
        <v>19</v>
      </c>
      <c r="AN9" s="45">
        <v>-1.4</v>
      </c>
      <c r="AO9" s="43">
        <v>25.28</v>
      </c>
      <c r="AP9" s="44">
        <v>18</v>
      </c>
      <c r="AQ9" s="52">
        <v>-1.72</v>
      </c>
      <c r="AR9" s="53"/>
      <c r="AS9" s="53"/>
      <c r="AT9" s="53"/>
    </row>
    <row r="10" spans="1:46" ht="20.100000000000001" customHeight="1" x14ac:dyDescent="0.15">
      <c r="A10" s="36">
        <v>5</v>
      </c>
      <c r="B10" s="37" t="s">
        <v>42</v>
      </c>
      <c r="C10" s="55">
        <v>172352</v>
      </c>
      <c r="D10" s="39">
        <v>41895</v>
      </c>
      <c r="E10" s="40">
        <v>40.98292821337369</v>
      </c>
      <c r="F10" s="41">
        <v>10</v>
      </c>
      <c r="G10" s="42">
        <v>1.572928213373693</v>
      </c>
      <c r="H10" s="43">
        <v>40</v>
      </c>
      <c r="I10" s="44">
        <v>11</v>
      </c>
      <c r="J10" s="42">
        <v>-0.98</v>
      </c>
      <c r="K10" s="45">
        <v>39.78</v>
      </c>
      <c r="L10" s="46">
        <v>10</v>
      </c>
      <c r="M10" s="45">
        <v>-0.22</v>
      </c>
      <c r="N10" s="40">
        <v>39.39</v>
      </c>
      <c r="O10" s="46">
        <v>9</v>
      </c>
      <c r="P10" s="42">
        <v>-0.39</v>
      </c>
      <c r="Q10" s="40">
        <v>28.45</v>
      </c>
      <c r="R10" s="47">
        <v>23</v>
      </c>
      <c r="S10" s="42">
        <v>-10.94</v>
      </c>
      <c r="T10" s="45">
        <v>28.39</v>
      </c>
      <c r="U10" s="47">
        <v>25</v>
      </c>
      <c r="V10" s="45">
        <v>-0.06</v>
      </c>
      <c r="W10" s="40">
        <v>28.44</v>
      </c>
      <c r="X10" s="48">
        <v>25</v>
      </c>
      <c r="Y10" s="42">
        <v>0.05</v>
      </c>
      <c r="Z10" s="45">
        <v>28.21</v>
      </c>
      <c r="AA10" s="47">
        <v>27</v>
      </c>
      <c r="AB10" s="45">
        <v>-0.23</v>
      </c>
      <c r="AC10" s="49">
        <v>27.65</v>
      </c>
      <c r="AD10" s="47">
        <v>27</v>
      </c>
      <c r="AE10" s="50">
        <v>-0.56000000000000005</v>
      </c>
      <c r="AF10" s="40">
        <v>26.9</v>
      </c>
      <c r="AG10" s="47">
        <v>25</v>
      </c>
      <c r="AH10" s="45">
        <v>-0.75</v>
      </c>
      <c r="AI10" s="49">
        <v>26.93</v>
      </c>
      <c r="AJ10" s="47">
        <v>25</v>
      </c>
      <c r="AK10" s="50">
        <v>0.03</v>
      </c>
      <c r="AL10" s="45">
        <v>25.93</v>
      </c>
      <c r="AM10" s="51">
        <v>25</v>
      </c>
      <c r="AN10" s="45">
        <v>-1</v>
      </c>
      <c r="AO10" s="43">
        <v>24.31</v>
      </c>
      <c r="AP10" s="44">
        <v>25</v>
      </c>
      <c r="AQ10" s="52">
        <v>-1.62</v>
      </c>
      <c r="AR10" s="53"/>
      <c r="AS10" s="53"/>
      <c r="AT10" s="53"/>
    </row>
    <row r="11" spans="1:46" ht="20.100000000000001" customHeight="1" x14ac:dyDescent="0.15">
      <c r="A11" s="36">
        <v>6</v>
      </c>
      <c r="B11" s="37" t="s">
        <v>43</v>
      </c>
      <c r="C11" s="55">
        <v>427501</v>
      </c>
      <c r="D11" s="39">
        <v>94294</v>
      </c>
      <c r="E11" s="40">
        <v>35.407762054279708</v>
      </c>
      <c r="F11" s="41">
        <v>28</v>
      </c>
      <c r="G11" s="42">
        <v>1.6877620542797089</v>
      </c>
      <c r="H11" s="43">
        <v>35.5</v>
      </c>
      <c r="I11" s="44">
        <v>30</v>
      </c>
      <c r="J11" s="42">
        <v>0.09</v>
      </c>
      <c r="K11" s="45">
        <v>35.049999999999997</v>
      </c>
      <c r="L11" s="46">
        <v>28</v>
      </c>
      <c r="M11" s="45">
        <v>-0.45</v>
      </c>
      <c r="N11" s="40">
        <v>34.49</v>
      </c>
      <c r="O11" s="46">
        <v>29</v>
      </c>
      <c r="P11" s="42">
        <v>-0.56000000000000005</v>
      </c>
      <c r="Q11" s="40">
        <v>27.31</v>
      </c>
      <c r="R11" s="47">
        <v>30</v>
      </c>
      <c r="S11" s="42">
        <v>-7.18</v>
      </c>
      <c r="T11" s="45">
        <v>27.16</v>
      </c>
      <c r="U11" s="47">
        <v>30</v>
      </c>
      <c r="V11" s="45">
        <v>-0.15</v>
      </c>
      <c r="W11" s="40">
        <v>26.99</v>
      </c>
      <c r="X11" s="48">
        <v>30</v>
      </c>
      <c r="Y11" s="42">
        <v>-0.17</v>
      </c>
      <c r="Z11" s="45">
        <v>26.62</v>
      </c>
      <c r="AA11" s="47">
        <v>30</v>
      </c>
      <c r="AB11" s="45">
        <v>-0.37</v>
      </c>
      <c r="AC11" s="49">
        <v>25.92</v>
      </c>
      <c r="AD11" s="47">
        <v>30</v>
      </c>
      <c r="AE11" s="50">
        <v>-0.7</v>
      </c>
      <c r="AF11" s="40">
        <v>24.8</v>
      </c>
      <c r="AG11" s="47">
        <v>30</v>
      </c>
      <c r="AH11" s="45">
        <v>-1.1200000000000001</v>
      </c>
      <c r="AI11" s="49">
        <v>24.66</v>
      </c>
      <c r="AJ11" s="47">
        <v>30</v>
      </c>
      <c r="AK11" s="50">
        <v>-0.14000000000000001</v>
      </c>
      <c r="AL11" s="45">
        <v>23.54</v>
      </c>
      <c r="AM11" s="51">
        <v>30</v>
      </c>
      <c r="AN11" s="45">
        <v>-1.1200000000000001</v>
      </c>
      <c r="AO11" s="43">
        <v>22.06</v>
      </c>
      <c r="AP11" s="44">
        <v>30</v>
      </c>
      <c r="AQ11" s="52">
        <v>-1.48</v>
      </c>
      <c r="AR11" s="53"/>
      <c r="AS11" s="53"/>
      <c r="AT11" s="53"/>
    </row>
    <row r="12" spans="1:46" ht="20.100000000000001" customHeight="1" x14ac:dyDescent="0.15">
      <c r="A12" s="36">
        <v>7</v>
      </c>
      <c r="B12" s="37" t="s">
        <v>44</v>
      </c>
      <c r="C12" s="55">
        <v>192856</v>
      </c>
      <c r="D12" s="39">
        <v>46933</v>
      </c>
      <c r="E12" s="40">
        <v>38.767178454568338</v>
      </c>
      <c r="F12" s="41">
        <v>13</v>
      </c>
      <c r="G12" s="42">
        <v>1.1871784545683397</v>
      </c>
      <c r="H12" s="43">
        <v>38.86</v>
      </c>
      <c r="I12" s="44">
        <v>13</v>
      </c>
      <c r="J12" s="42">
        <v>0.09</v>
      </c>
      <c r="K12" s="45">
        <v>38.86</v>
      </c>
      <c r="L12" s="46">
        <v>14</v>
      </c>
      <c r="M12" s="45">
        <v>0</v>
      </c>
      <c r="N12" s="40">
        <v>38.33</v>
      </c>
      <c r="O12" s="46">
        <v>16</v>
      </c>
      <c r="P12" s="42">
        <v>-0.53</v>
      </c>
      <c r="Q12" s="40">
        <v>30.12</v>
      </c>
      <c r="R12" s="47">
        <v>14</v>
      </c>
      <c r="S12" s="42">
        <v>-8.2100000000000009</v>
      </c>
      <c r="T12" s="45">
        <v>29.84</v>
      </c>
      <c r="U12" s="47">
        <v>18</v>
      </c>
      <c r="V12" s="45">
        <v>-0.28000000000000003</v>
      </c>
      <c r="W12" s="40">
        <v>29.65</v>
      </c>
      <c r="X12" s="48">
        <v>18</v>
      </c>
      <c r="Y12" s="42">
        <v>-0.19</v>
      </c>
      <c r="Z12" s="45">
        <v>29.32</v>
      </c>
      <c r="AA12" s="47">
        <v>20</v>
      </c>
      <c r="AB12" s="45">
        <v>-0.33</v>
      </c>
      <c r="AC12" s="49">
        <v>28.83</v>
      </c>
      <c r="AD12" s="47">
        <v>21</v>
      </c>
      <c r="AE12" s="50">
        <v>-0.49</v>
      </c>
      <c r="AF12" s="40">
        <v>27.11</v>
      </c>
      <c r="AG12" s="47">
        <v>24</v>
      </c>
      <c r="AH12" s="45">
        <v>-1.72</v>
      </c>
      <c r="AI12" s="49">
        <v>27.29</v>
      </c>
      <c r="AJ12" s="47">
        <v>24</v>
      </c>
      <c r="AK12" s="50">
        <v>0.18</v>
      </c>
      <c r="AL12" s="45">
        <v>26.07</v>
      </c>
      <c r="AM12" s="51">
        <v>24</v>
      </c>
      <c r="AN12" s="45">
        <v>-1.22</v>
      </c>
      <c r="AO12" s="43">
        <v>24.34</v>
      </c>
      <c r="AP12" s="44">
        <v>23</v>
      </c>
      <c r="AQ12" s="52">
        <v>-1.73</v>
      </c>
      <c r="AR12" s="53"/>
      <c r="AS12" s="53"/>
      <c r="AT12" s="53"/>
    </row>
    <row r="13" spans="1:46" ht="20.100000000000001" customHeight="1" x14ac:dyDescent="0.15">
      <c r="A13" s="36">
        <v>8</v>
      </c>
      <c r="B13" s="37" t="s">
        <v>45</v>
      </c>
      <c r="C13" s="55">
        <v>239891</v>
      </c>
      <c r="D13" s="39">
        <v>55917</v>
      </c>
      <c r="E13" s="40">
        <v>36.598224439958038</v>
      </c>
      <c r="F13" s="41">
        <v>25</v>
      </c>
      <c r="G13" s="42">
        <v>1.7582244399580347</v>
      </c>
      <c r="H13" s="43">
        <v>36.43</v>
      </c>
      <c r="I13" s="44">
        <v>23</v>
      </c>
      <c r="J13" s="42">
        <v>-0.17</v>
      </c>
      <c r="K13" s="45">
        <v>36.18</v>
      </c>
      <c r="L13" s="46">
        <v>22</v>
      </c>
      <c r="M13" s="45">
        <v>-0.25</v>
      </c>
      <c r="N13" s="40">
        <v>35.700000000000003</v>
      </c>
      <c r="O13" s="46">
        <v>21</v>
      </c>
      <c r="P13" s="42">
        <v>-0.48</v>
      </c>
      <c r="Q13" s="40">
        <v>28.21</v>
      </c>
      <c r="R13" s="47">
        <v>26</v>
      </c>
      <c r="S13" s="42">
        <v>-7.49</v>
      </c>
      <c r="T13" s="45">
        <v>28.11</v>
      </c>
      <c r="U13" s="47">
        <v>27</v>
      </c>
      <c r="V13" s="45">
        <v>-0.1</v>
      </c>
      <c r="W13" s="40">
        <v>27.94</v>
      </c>
      <c r="X13" s="48">
        <v>29</v>
      </c>
      <c r="Y13" s="42">
        <v>-0.17</v>
      </c>
      <c r="Z13" s="45">
        <v>27.84</v>
      </c>
      <c r="AA13" s="47">
        <v>28</v>
      </c>
      <c r="AB13" s="45">
        <v>-0.1</v>
      </c>
      <c r="AC13" s="49">
        <v>27.4</v>
      </c>
      <c r="AD13" s="47">
        <v>28</v>
      </c>
      <c r="AE13" s="50">
        <v>-0.44</v>
      </c>
      <c r="AF13" s="40">
        <v>26.13</v>
      </c>
      <c r="AG13" s="47">
        <v>27</v>
      </c>
      <c r="AH13" s="45">
        <v>-1.27</v>
      </c>
      <c r="AI13" s="49">
        <v>26.03</v>
      </c>
      <c r="AJ13" s="47">
        <v>27</v>
      </c>
      <c r="AK13" s="50">
        <v>-0.1</v>
      </c>
      <c r="AL13" s="45">
        <v>24.78</v>
      </c>
      <c r="AM13" s="51">
        <v>29</v>
      </c>
      <c r="AN13" s="45">
        <v>-1.25</v>
      </c>
      <c r="AO13" s="43">
        <v>23.31</v>
      </c>
      <c r="AP13" s="44">
        <v>27</v>
      </c>
      <c r="AQ13" s="52">
        <v>-1.47</v>
      </c>
      <c r="AR13" s="53"/>
      <c r="AS13" s="53"/>
      <c r="AT13" s="53"/>
    </row>
    <row r="14" spans="1:46" ht="20.100000000000001" customHeight="1" x14ac:dyDescent="0.15">
      <c r="A14" s="36">
        <v>9</v>
      </c>
      <c r="B14" s="37" t="s">
        <v>46</v>
      </c>
      <c r="C14" s="55">
        <v>57525</v>
      </c>
      <c r="D14" s="39">
        <v>14811</v>
      </c>
      <c r="E14" s="40">
        <v>41.374239004035843</v>
      </c>
      <c r="F14" s="41">
        <v>7</v>
      </c>
      <c r="G14" s="42">
        <v>1.6742390040358401</v>
      </c>
      <c r="H14" s="43">
        <v>40.630000000000003</v>
      </c>
      <c r="I14" s="44">
        <v>7</v>
      </c>
      <c r="J14" s="42">
        <v>-0.74</v>
      </c>
      <c r="K14" s="45">
        <v>40.69</v>
      </c>
      <c r="L14" s="46">
        <v>7</v>
      </c>
      <c r="M14" s="45">
        <v>0.06</v>
      </c>
      <c r="N14" s="40">
        <v>40.22</v>
      </c>
      <c r="O14" s="46">
        <v>7</v>
      </c>
      <c r="P14" s="42">
        <v>-0.47</v>
      </c>
      <c r="Q14" s="40">
        <v>28.68</v>
      </c>
      <c r="R14" s="47">
        <v>22</v>
      </c>
      <c r="S14" s="42">
        <v>-11.54</v>
      </c>
      <c r="T14" s="45">
        <v>28.71</v>
      </c>
      <c r="U14" s="47">
        <v>22</v>
      </c>
      <c r="V14" s="45">
        <v>0.03</v>
      </c>
      <c r="W14" s="40">
        <v>28.66</v>
      </c>
      <c r="X14" s="48">
        <v>24</v>
      </c>
      <c r="Y14" s="42">
        <v>-0.05</v>
      </c>
      <c r="Z14" s="45">
        <v>28.6</v>
      </c>
      <c r="AA14" s="47">
        <v>24</v>
      </c>
      <c r="AB14" s="45">
        <v>-0.06</v>
      </c>
      <c r="AC14" s="49">
        <v>28.04</v>
      </c>
      <c r="AD14" s="47">
        <v>24</v>
      </c>
      <c r="AE14" s="50">
        <v>-0.56000000000000005</v>
      </c>
      <c r="AF14" s="40">
        <v>28.01</v>
      </c>
      <c r="AG14" s="47">
        <v>18</v>
      </c>
      <c r="AH14" s="45">
        <v>-0.03</v>
      </c>
      <c r="AI14" s="49">
        <v>28.02</v>
      </c>
      <c r="AJ14" s="47">
        <v>18</v>
      </c>
      <c r="AK14" s="50">
        <v>0.01</v>
      </c>
      <c r="AL14" s="45">
        <v>27.62</v>
      </c>
      <c r="AM14" s="51">
        <v>13</v>
      </c>
      <c r="AN14" s="45">
        <v>-0.4</v>
      </c>
      <c r="AO14" s="43">
        <v>25.75</v>
      </c>
      <c r="AP14" s="44">
        <v>15</v>
      </c>
      <c r="AQ14" s="52">
        <v>-1.87</v>
      </c>
      <c r="AR14" s="53"/>
      <c r="AS14" s="53"/>
      <c r="AT14" s="53"/>
    </row>
    <row r="15" spans="1:46" ht="20.100000000000001" customHeight="1" x14ac:dyDescent="0.15">
      <c r="A15" s="36">
        <v>10</v>
      </c>
      <c r="B15" s="37" t="s">
        <v>47</v>
      </c>
      <c r="C15" s="55">
        <v>720986</v>
      </c>
      <c r="D15" s="39">
        <v>179427</v>
      </c>
      <c r="E15" s="40">
        <v>35.502796491776493</v>
      </c>
      <c r="F15" s="41">
        <v>27</v>
      </c>
      <c r="G15" s="42">
        <v>1.3327964917764916</v>
      </c>
      <c r="H15" s="43">
        <v>36.380000000000003</v>
      </c>
      <c r="I15" s="44">
        <v>24</v>
      </c>
      <c r="J15" s="42">
        <v>0.88</v>
      </c>
      <c r="K15" s="45">
        <v>36.24</v>
      </c>
      <c r="L15" s="46">
        <v>21</v>
      </c>
      <c r="M15" s="45">
        <v>-0.14000000000000001</v>
      </c>
      <c r="N15" s="40">
        <v>35.700000000000003</v>
      </c>
      <c r="O15" s="46">
        <v>21</v>
      </c>
      <c r="P15" s="42">
        <v>-0.54</v>
      </c>
      <c r="Q15" s="40">
        <v>30.07</v>
      </c>
      <c r="R15" s="47">
        <v>16</v>
      </c>
      <c r="S15" s="42">
        <v>-5.63</v>
      </c>
      <c r="T15" s="45">
        <v>30.23</v>
      </c>
      <c r="U15" s="47">
        <v>15</v>
      </c>
      <c r="V15" s="45">
        <v>0.16</v>
      </c>
      <c r="W15" s="40">
        <v>30.16</v>
      </c>
      <c r="X15" s="48">
        <v>15</v>
      </c>
      <c r="Y15" s="42">
        <v>-7.0000000000000007E-2</v>
      </c>
      <c r="Z15" s="45">
        <v>30.28</v>
      </c>
      <c r="AA15" s="47">
        <v>13</v>
      </c>
      <c r="AB15" s="45">
        <v>0.12</v>
      </c>
      <c r="AC15" s="49">
        <v>29.56</v>
      </c>
      <c r="AD15" s="47">
        <v>13</v>
      </c>
      <c r="AE15" s="50">
        <v>-0.72</v>
      </c>
      <c r="AF15" s="40">
        <v>27.83</v>
      </c>
      <c r="AG15" s="47">
        <v>19</v>
      </c>
      <c r="AH15" s="45">
        <v>-1.73</v>
      </c>
      <c r="AI15" s="49">
        <v>27.77</v>
      </c>
      <c r="AJ15" s="47">
        <v>22</v>
      </c>
      <c r="AK15" s="50">
        <v>-0.06</v>
      </c>
      <c r="AL15" s="45">
        <v>26.63</v>
      </c>
      <c r="AM15" s="51">
        <v>22</v>
      </c>
      <c r="AN15" s="45">
        <v>-1.1399999999999999</v>
      </c>
      <c r="AO15" s="43">
        <v>24.89</v>
      </c>
      <c r="AP15" s="44">
        <v>21</v>
      </c>
      <c r="AQ15" s="52">
        <v>-1.74</v>
      </c>
      <c r="AR15" s="53"/>
      <c r="AS15" s="53"/>
      <c r="AT15" s="53"/>
    </row>
    <row r="16" spans="1:46" ht="20.100000000000001" customHeight="1" x14ac:dyDescent="0.15">
      <c r="A16" s="36">
        <v>11</v>
      </c>
      <c r="B16" s="37" t="s">
        <v>48</v>
      </c>
      <c r="C16" s="55">
        <v>44132</v>
      </c>
      <c r="D16" s="39">
        <v>15026</v>
      </c>
      <c r="E16" s="40">
        <v>48.64170192573846</v>
      </c>
      <c r="F16" s="41">
        <v>3</v>
      </c>
      <c r="G16" s="42">
        <v>1.5217019257384621</v>
      </c>
      <c r="H16" s="43">
        <v>48.38</v>
      </c>
      <c r="I16" s="44">
        <v>3</v>
      </c>
      <c r="J16" s="42">
        <v>-0.26</v>
      </c>
      <c r="K16" s="45">
        <v>48.53</v>
      </c>
      <c r="L16" s="46">
        <v>3</v>
      </c>
      <c r="M16" s="45">
        <v>0.15</v>
      </c>
      <c r="N16" s="40">
        <v>48.48</v>
      </c>
      <c r="O16" s="46">
        <v>3</v>
      </c>
      <c r="P16" s="42">
        <v>-0.05</v>
      </c>
      <c r="Q16" s="40">
        <v>37.92</v>
      </c>
      <c r="R16" s="47">
        <v>2</v>
      </c>
      <c r="S16" s="42">
        <v>-10.56</v>
      </c>
      <c r="T16" s="45">
        <v>37.78</v>
      </c>
      <c r="U16" s="47">
        <v>2</v>
      </c>
      <c r="V16" s="45">
        <v>-0.14000000000000001</v>
      </c>
      <c r="W16" s="40">
        <v>37.590000000000003</v>
      </c>
      <c r="X16" s="48">
        <v>2</v>
      </c>
      <c r="Y16" s="42">
        <v>-0.19</v>
      </c>
      <c r="Z16" s="45">
        <v>38</v>
      </c>
      <c r="AA16" s="47">
        <v>2</v>
      </c>
      <c r="AB16" s="45">
        <v>0.41</v>
      </c>
      <c r="AC16" s="49">
        <v>37.42</v>
      </c>
      <c r="AD16" s="47">
        <v>2</v>
      </c>
      <c r="AE16" s="50">
        <v>-0.57999999999999996</v>
      </c>
      <c r="AF16" s="40">
        <v>36.409999999999997</v>
      </c>
      <c r="AG16" s="47">
        <v>2</v>
      </c>
      <c r="AH16" s="45">
        <v>-1.01</v>
      </c>
      <c r="AI16" s="49">
        <v>36.97</v>
      </c>
      <c r="AJ16" s="47">
        <v>2</v>
      </c>
      <c r="AK16" s="50">
        <v>0.56000000000000005</v>
      </c>
      <c r="AL16" s="45">
        <v>35.94</v>
      </c>
      <c r="AM16" s="51">
        <v>2</v>
      </c>
      <c r="AN16" s="45">
        <v>-1.03</v>
      </c>
      <c r="AO16" s="43">
        <v>34.049999999999997</v>
      </c>
      <c r="AP16" s="44">
        <v>2</v>
      </c>
      <c r="AQ16" s="52">
        <v>-1.89</v>
      </c>
      <c r="AR16" s="53"/>
      <c r="AS16" s="53"/>
      <c r="AT16" s="53"/>
    </row>
    <row r="17" spans="1:46" ht="20.100000000000001" customHeight="1" x14ac:dyDescent="0.15">
      <c r="A17" s="36">
        <v>12</v>
      </c>
      <c r="B17" s="37" t="s">
        <v>49</v>
      </c>
      <c r="C17" s="55">
        <v>166093</v>
      </c>
      <c r="D17" s="39">
        <v>42611</v>
      </c>
      <c r="E17" s="40">
        <v>33.611790395611322</v>
      </c>
      <c r="F17" s="41">
        <v>35</v>
      </c>
      <c r="G17" s="42">
        <v>1.9817903956113234</v>
      </c>
      <c r="H17" s="43">
        <v>35.81</v>
      </c>
      <c r="I17" s="44">
        <v>26</v>
      </c>
      <c r="J17" s="42">
        <v>2.2000000000000002</v>
      </c>
      <c r="K17" s="45">
        <v>35.43</v>
      </c>
      <c r="L17" s="46">
        <v>24</v>
      </c>
      <c r="M17" s="45">
        <v>-0.38</v>
      </c>
      <c r="N17" s="40">
        <v>35.630000000000003</v>
      </c>
      <c r="O17" s="46">
        <v>23</v>
      </c>
      <c r="P17" s="42">
        <v>0.2</v>
      </c>
      <c r="Q17" s="40">
        <v>28.88</v>
      </c>
      <c r="R17" s="47">
        <v>21</v>
      </c>
      <c r="S17" s="42">
        <v>-6.75</v>
      </c>
      <c r="T17" s="45">
        <v>29.41</v>
      </c>
      <c r="U17" s="47">
        <v>20</v>
      </c>
      <c r="V17" s="45">
        <v>0.53</v>
      </c>
      <c r="W17" s="40">
        <v>29.27</v>
      </c>
      <c r="X17" s="48">
        <v>20</v>
      </c>
      <c r="Y17" s="42">
        <v>-0.14000000000000001</v>
      </c>
      <c r="Z17" s="45">
        <v>29.82</v>
      </c>
      <c r="AA17" s="47">
        <v>18</v>
      </c>
      <c r="AB17" s="45">
        <v>0.55000000000000004</v>
      </c>
      <c r="AC17" s="49">
        <v>29.35</v>
      </c>
      <c r="AD17" s="47">
        <v>17</v>
      </c>
      <c r="AE17" s="50">
        <v>-0.47</v>
      </c>
      <c r="AF17" s="40">
        <v>27.67</v>
      </c>
      <c r="AG17" s="47">
        <v>22</v>
      </c>
      <c r="AH17" s="45">
        <v>-1.68</v>
      </c>
      <c r="AI17" s="49">
        <v>27.78</v>
      </c>
      <c r="AJ17" s="47">
        <v>21</v>
      </c>
      <c r="AK17" s="50">
        <v>0.11</v>
      </c>
      <c r="AL17" s="45">
        <v>27.37</v>
      </c>
      <c r="AM17" s="51">
        <v>15</v>
      </c>
      <c r="AN17" s="45">
        <v>-0.41</v>
      </c>
      <c r="AO17" s="43">
        <v>25.65</v>
      </c>
      <c r="AP17" s="44">
        <v>16</v>
      </c>
      <c r="AQ17" s="52">
        <v>-1.72</v>
      </c>
      <c r="AR17" s="53"/>
      <c r="AS17" s="53"/>
      <c r="AT17" s="53"/>
    </row>
    <row r="18" spans="1:46" ht="20.100000000000001" customHeight="1" x14ac:dyDescent="0.15">
      <c r="A18" s="36">
        <v>13</v>
      </c>
      <c r="B18" s="37" t="s">
        <v>50</v>
      </c>
      <c r="C18" s="55">
        <v>224994</v>
      </c>
      <c r="D18" s="39">
        <v>57515</v>
      </c>
      <c r="E18" s="40">
        <v>35.098637380516571</v>
      </c>
      <c r="F18" s="41">
        <v>30</v>
      </c>
      <c r="G18" s="42">
        <v>1.6086373805165692</v>
      </c>
      <c r="H18" s="43">
        <v>35.94</v>
      </c>
      <c r="I18" s="44">
        <v>25</v>
      </c>
      <c r="J18" s="42">
        <v>0.84</v>
      </c>
      <c r="K18" s="45">
        <v>35.71</v>
      </c>
      <c r="L18" s="46">
        <v>23</v>
      </c>
      <c r="M18" s="45">
        <v>-0.23</v>
      </c>
      <c r="N18" s="40">
        <v>35.26</v>
      </c>
      <c r="O18" s="46">
        <v>25</v>
      </c>
      <c r="P18" s="42">
        <v>-0.45</v>
      </c>
      <c r="Q18" s="40">
        <v>30.23</v>
      </c>
      <c r="R18" s="47">
        <v>13</v>
      </c>
      <c r="S18" s="42">
        <v>-5.03</v>
      </c>
      <c r="T18" s="45">
        <v>30.56</v>
      </c>
      <c r="U18" s="47">
        <v>12</v>
      </c>
      <c r="V18" s="45">
        <v>0.33</v>
      </c>
      <c r="W18" s="40">
        <v>30.6</v>
      </c>
      <c r="X18" s="48">
        <v>10</v>
      </c>
      <c r="Y18" s="42">
        <v>0.04</v>
      </c>
      <c r="Z18" s="45">
        <v>30.79</v>
      </c>
      <c r="AA18" s="47">
        <v>10</v>
      </c>
      <c r="AB18" s="45">
        <v>0.19</v>
      </c>
      <c r="AC18" s="49">
        <v>29.96</v>
      </c>
      <c r="AD18" s="47">
        <v>11</v>
      </c>
      <c r="AE18" s="50">
        <v>-0.83</v>
      </c>
      <c r="AF18" s="40">
        <v>28.61</v>
      </c>
      <c r="AG18" s="47">
        <v>13</v>
      </c>
      <c r="AH18" s="45">
        <v>-1.35</v>
      </c>
      <c r="AI18" s="49">
        <v>28.6</v>
      </c>
      <c r="AJ18" s="47">
        <v>14</v>
      </c>
      <c r="AK18" s="50">
        <v>-0.01</v>
      </c>
      <c r="AL18" s="45">
        <v>27.27</v>
      </c>
      <c r="AM18" s="51">
        <v>17</v>
      </c>
      <c r="AN18" s="45">
        <v>-1.33</v>
      </c>
      <c r="AO18" s="43">
        <v>25.56</v>
      </c>
      <c r="AP18" s="44">
        <v>17</v>
      </c>
      <c r="AQ18" s="52">
        <v>-1.71</v>
      </c>
      <c r="AR18" s="53"/>
      <c r="AS18" s="53"/>
      <c r="AT18" s="53"/>
    </row>
    <row r="19" spans="1:46" ht="20.100000000000001" customHeight="1" x14ac:dyDescent="0.15">
      <c r="A19" s="36">
        <v>14</v>
      </c>
      <c r="B19" s="37" t="s">
        <v>51</v>
      </c>
      <c r="C19" s="55">
        <v>234293</v>
      </c>
      <c r="D19" s="39">
        <v>57031</v>
      </c>
      <c r="E19" s="40">
        <v>37.550269393852446</v>
      </c>
      <c r="F19" s="41">
        <v>21</v>
      </c>
      <c r="G19" s="42">
        <v>1.570269393852449</v>
      </c>
      <c r="H19" s="43">
        <v>37.93</v>
      </c>
      <c r="I19" s="44">
        <v>20</v>
      </c>
      <c r="J19" s="42">
        <v>0.38</v>
      </c>
      <c r="K19" s="45">
        <v>37.36</v>
      </c>
      <c r="L19" s="46">
        <v>20</v>
      </c>
      <c r="M19" s="45">
        <v>-0.56999999999999995</v>
      </c>
      <c r="N19" s="40">
        <v>36.9</v>
      </c>
      <c r="O19" s="46">
        <v>19</v>
      </c>
      <c r="P19" s="42">
        <v>-0.46</v>
      </c>
      <c r="Q19" s="40">
        <v>30.84</v>
      </c>
      <c r="R19" s="47">
        <v>11</v>
      </c>
      <c r="S19" s="42">
        <v>-6.06</v>
      </c>
      <c r="T19" s="45">
        <v>30.65</v>
      </c>
      <c r="U19" s="47">
        <v>11</v>
      </c>
      <c r="V19" s="45">
        <v>-0.19</v>
      </c>
      <c r="W19" s="40">
        <v>30.43</v>
      </c>
      <c r="X19" s="48">
        <v>12</v>
      </c>
      <c r="Y19" s="42">
        <v>-0.22</v>
      </c>
      <c r="Z19" s="45">
        <v>30.43</v>
      </c>
      <c r="AA19" s="47">
        <v>12</v>
      </c>
      <c r="AB19" s="45">
        <v>0</v>
      </c>
      <c r="AC19" s="49">
        <v>29.25</v>
      </c>
      <c r="AD19" s="47">
        <v>18</v>
      </c>
      <c r="AE19" s="50">
        <v>-1.18</v>
      </c>
      <c r="AF19" s="40">
        <v>27.54</v>
      </c>
      <c r="AG19" s="47">
        <v>23</v>
      </c>
      <c r="AH19" s="45">
        <v>-1.71</v>
      </c>
      <c r="AI19" s="49">
        <v>27.47</v>
      </c>
      <c r="AJ19" s="47">
        <v>23</v>
      </c>
      <c r="AK19" s="50">
        <v>-7.0000000000000007E-2</v>
      </c>
      <c r="AL19" s="45">
        <v>26.21</v>
      </c>
      <c r="AM19" s="51">
        <v>23</v>
      </c>
      <c r="AN19" s="45">
        <v>-1.26</v>
      </c>
      <c r="AO19" s="43">
        <v>24.34</v>
      </c>
      <c r="AP19" s="44">
        <v>23</v>
      </c>
      <c r="AQ19" s="52">
        <v>-1.87</v>
      </c>
      <c r="AR19" s="53"/>
      <c r="AS19" s="53"/>
      <c r="AT19" s="53"/>
    </row>
    <row r="20" spans="1:46" ht="20.100000000000001" customHeight="1" x14ac:dyDescent="0.15">
      <c r="A20" s="36">
        <v>15</v>
      </c>
      <c r="B20" s="37" t="s">
        <v>52</v>
      </c>
      <c r="C20" s="55">
        <v>102037</v>
      </c>
      <c r="D20" s="39">
        <v>23501</v>
      </c>
      <c r="E20" s="40">
        <v>34.320512308981364</v>
      </c>
      <c r="F20" s="41">
        <v>32</v>
      </c>
      <c r="G20" s="42">
        <v>1.4505123089813665</v>
      </c>
      <c r="H20" s="43">
        <v>35.51</v>
      </c>
      <c r="I20" s="44">
        <v>29</v>
      </c>
      <c r="J20" s="42">
        <v>1.19</v>
      </c>
      <c r="K20" s="45">
        <v>35.200000000000003</v>
      </c>
      <c r="L20" s="46">
        <v>26</v>
      </c>
      <c r="M20" s="45">
        <v>-0.31</v>
      </c>
      <c r="N20" s="40">
        <v>34.64</v>
      </c>
      <c r="O20" s="46">
        <v>28</v>
      </c>
      <c r="P20" s="42">
        <v>-0.56000000000000005</v>
      </c>
      <c r="Q20" s="40">
        <v>28.37</v>
      </c>
      <c r="R20" s="47">
        <v>25</v>
      </c>
      <c r="S20" s="42">
        <v>-6.27</v>
      </c>
      <c r="T20" s="45">
        <v>28.53</v>
      </c>
      <c r="U20" s="47">
        <v>24</v>
      </c>
      <c r="V20" s="45">
        <v>0.16</v>
      </c>
      <c r="W20" s="40">
        <v>28.36</v>
      </c>
      <c r="X20" s="48">
        <v>26</v>
      </c>
      <c r="Y20" s="42">
        <v>-0.17</v>
      </c>
      <c r="Z20" s="45">
        <v>28.31</v>
      </c>
      <c r="AA20" s="47">
        <v>26</v>
      </c>
      <c r="AB20" s="45">
        <v>-0.05</v>
      </c>
      <c r="AC20" s="49">
        <v>27.7</v>
      </c>
      <c r="AD20" s="47">
        <v>26</v>
      </c>
      <c r="AE20" s="50">
        <v>-0.61</v>
      </c>
      <c r="AF20" s="40">
        <v>26.08</v>
      </c>
      <c r="AG20" s="47">
        <v>28</v>
      </c>
      <c r="AH20" s="45">
        <v>-1.62</v>
      </c>
      <c r="AI20" s="49">
        <v>25.97</v>
      </c>
      <c r="AJ20" s="47">
        <v>28</v>
      </c>
      <c r="AK20" s="50">
        <v>-0.11</v>
      </c>
      <c r="AL20" s="45">
        <v>24.97</v>
      </c>
      <c r="AM20" s="51">
        <v>27</v>
      </c>
      <c r="AN20" s="45">
        <v>-1</v>
      </c>
      <c r="AO20" s="43">
        <v>23.03</v>
      </c>
      <c r="AP20" s="44">
        <v>29</v>
      </c>
      <c r="AQ20" s="52">
        <v>-1.94</v>
      </c>
      <c r="AR20" s="53"/>
      <c r="AS20" s="53"/>
      <c r="AT20" s="53"/>
    </row>
    <row r="21" spans="1:46" ht="20.100000000000001" customHeight="1" x14ac:dyDescent="0.15">
      <c r="A21" s="36">
        <v>16</v>
      </c>
      <c r="B21" s="37" t="s">
        <v>53</v>
      </c>
      <c r="C21" s="55">
        <v>130860</v>
      </c>
      <c r="D21" s="39">
        <v>30958</v>
      </c>
      <c r="E21" s="40">
        <v>33.653272776284723</v>
      </c>
      <c r="F21" s="41">
        <v>34</v>
      </c>
      <c r="G21" s="42">
        <v>1.4232727762847261</v>
      </c>
      <c r="H21" s="43">
        <v>33.94</v>
      </c>
      <c r="I21" s="44">
        <v>33</v>
      </c>
      <c r="J21" s="42">
        <v>0.28999999999999998</v>
      </c>
      <c r="K21" s="45">
        <v>33.36</v>
      </c>
      <c r="L21" s="46">
        <v>30</v>
      </c>
      <c r="M21" s="45">
        <v>-0.57999999999999996</v>
      </c>
      <c r="N21" s="40">
        <v>33.03</v>
      </c>
      <c r="O21" s="46">
        <v>30</v>
      </c>
      <c r="P21" s="42">
        <v>-0.33</v>
      </c>
      <c r="Q21" s="40">
        <v>27.91</v>
      </c>
      <c r="R21" s="47">
        <v>28</v>
      </c>
      <c r="S21" s="42">
        <v>-5.12</v>
      </c>
      <c r="T21" s="45">
        <v>27.97</v>
      </c>
      <c r="U21" s="47">
        <v>28</v>
      </c>
      <c r="V21" s="45">
        <v>0.06</v>
      </c>
      <c r="W21" s="40">
        <v>28.05</v>
      </c>
      <c r="X21" s="48">
        <v>27</v>
      </c>
      <c r="Y21" s="42">
        <v>0.08</v>
      </c>
      <c r="Z21" s="45">
        <v>28.46</v>
      </c>
      <c r="AA21" s="47">
        <v>25</v>
      </c>
      <c r="AB21" s="45">
        <v>0.41</v>
      </c>
      <c r="AC21" s="49">
        <v>27.73</v>
      </c>
      <c r="AD21" s="47">
        <v>25</v>
      </c>
      <c r="AE21" s="50">
        <v>-0.73</v>
      </c>
      <c r="AF21" s="40">
        <v>26.77</v>
      </c>
      <c r="AG21" s="47">
        <v>26</v>
      </c>
      <c r="AH21" s="45">
        <v>-0.96</v>
      </c>
      <c r="AI21" s="49">
        <v>26.73</v>
      </c>
      <c r="AJ21" s="47">
        <v>26</v>
      </c>
      <c r="AK21" s="50">
        <v>-0.04</v>
      </c>
      <c r="AL21" s="45">
        <v>25.33</v>
      </c>
      <c r="AM21" s="51">
        <v>26</v>
      </c>
      <c r="AN21" s="45">
        <v>-1.4</v>
      </c>
      <c r="AO21" s="43">
        <v>23.66</v>
      </c>
      <c r="AP21" s="44">
        <v>26</v>
      </c>
      <c r="AQ21" s="52">
        <v>-1.67</v>
      </c>
      <c r="AR21" s="53"/>
      <c r="AS21" s="53"/>
      <c r="AT21" s="53"/>
    </row>
    <row r="22" spans="1:46" ht="20.100000000000001" customHeight="1" x14ac:dyDescent="0.15">
      <c r="A22" s="36">
        <v>17</v>
      </c>
      <c r="B22" s="37" t="s">
        <v>54</v>
      </c>
      <c r="C22" s="55">
        <v>129277</v>
      </c>
      <c r="D22" s="39">
        <v>32583</v>
      </c>
      <c r="E22" s="40">
        <v>34.706904307630261</v>
      </c>
      <c r="F22" s="41">
        <v>31</v>
      </c>
      <c r="G22" s="42">
        <v>1.3369043076302631</v>
      </c>
      <c r="H22" s="43">
        <v>35.65</v>
      </c>
      <c r="I22" s="44">
        <v>28</v>
      </c>
      <c r="J22" s="42">
        <v>0.94</v>
      </c>
      <c r="K22" s="45">
        <v>35.29</v>
      </c>
      <c r="L22" s="46">
        <v>25</v>
      </c>
      <c r="M22" s="45">
        <v>-0.36</v>
      </c>
      <c r="N22" s="40">
        <v>35.409999999999997</v>
      </c>
      <c r="O22" s="46">
        <v>24</v>
      </c>
      <c r="P22" s="42">
        <v>0.12</v>
      </c>
      <c r="Q22" s="40">
        <v>30.03</v>
      </c>
      <c r="R22" s="47">
        <v>17</v>
      </c>
      <c r="S22" s="42">
        <v>-5.38</v>
      </c>
      <c r="T22" s="45">
        <v>30.23</v>
      </c>
      <c r="U22" s="47">
        <v>15</v>
      </c>
      <c r="V22" s="45">
        <v>0.2</v>
      </c>
      <c r="W22" s="40">
        <v>30.13</v>
      </c>
      <c r="X22" s="48">
        <v>16</v>
      </c>
      <c r="Y22" s="42">
        <v>-0.1</v>
      </c>
      <c r="Z22" s="45">
        <v>30.18</v>
      </c>
      <c r="AA22" s="47">
        <v>14</v>
      </c>
      <c r="AB22" s="45">
        <v>0.05</v>
      </c>
      <c r="AC22" s="49">
        <v>29.52</v>
      </c>
      <c r="AD22" s="47">
        <v>14</v>
      </c>
      <c r="AE22" s="50">
        <v>-0.66</v>
      </c>
      <c r="AF22" s="40">
        <v>28.04</v>
      </c>
      <c r="AG22" s="47">
        <v>17</v>
      </c>
      <c r="AH22" s="45">
        <v>-1.48</v>
      </c>
      <c r="AI22" s="49">
        <v>28.09</v>
      </c>
      <c r="AJ22" s="47">
        <v>17</v>
      </c>
      <c r="AK22" s="50">
        <v>0.05</v>
      </c>
      <c r="AL22" s="45">
        <v>27.05</v>
      </c>
      <c r="AM22" s="51">
        <v>18</v>
      </c>
      <c r="AN22" s="45">
        <v>-1.04</v>
      </c>
      <c r="AO22" s="43">
        <v>25.2</v>
      </c>
      <c r="AP22" s="44">
        <v>20</v>
      </c>
      <c r="AQ22" s="52">
        <v>-1.85</v>
      </c>
      <c r="AR22" s="53"/>
      <c r="AS22" s="53"/>
      <c r="AT22" s="53"/>
    </row>
    <row r="23" spans="1:46" ht="20.100000000000001" customHeight="1" x14ac:dyDescent="0.15">
      <c r="A23" s="36">
        <v>18</v>
      </c>
      <c r="B23" s="37" t="s">
        <v>55</v>
      </c>
      <c r="C23" s="55">
        <v>42641</v>
      </c>
      <c r="D23" s="39">
        <v>9823</v>
      </c>
      <c r="E23" s="40">
        <v>35.176436015100485</v>
      </c>
      <c r="F23" s="41">
        <v>29</v>
      </c>
      <c r="G23" s="42">
        <v>1.2364360151004874</v>
      </c>
      <c r="H23" s="43">
        <v>35.270000000000003</v>
      </c>
      <c r="I23" s="44">
        <v>31</v>
      </c>
      <c r="J23" s="42">
        <v>0.09</v>
      </c>
      <c r="K23" s="45">
        <v>35.11</v>
      </c>
      <c r="L23" s="46">
        <v>27</v>
      </c>
      <c r="M23" s="45">
        <v>-0.16</v>
      </c>
      <c r="N23" s="40">
        <v>34.909999999999997</v>
      </c>
      <c r="O23" s="46">
        <v>27</v>
      </c>
      <c r="P23" s="42">
        <v>-0.2</v>
      </c>
      <c r="Q23" s="40">
        <v>28.12</v>
      </c>
      <c r="R23" s="47">
        <v>27</v>
      </c>
      <c r="S23" s="42">
        <v>-6.79</v>
      </c>
      <c r="T23" s="45">
        <v>27.97</v>
      </c>
      <c r="U23" s="47">
        <v>28</v>
      </c>
      <c r="V23" s="45">
        <v>-0.15</v>
      </c>
      <c r="W23" s="40">
        <v>27.95</v>
      </c>
      <c r="X23" s="48">
        <v>28</v>
      </c>
      <c r="Y23" s="42">
        <v>-0.02</v>
      </c>
      <c r="Z23" s="45">
        <v>26.74</v>
      </c>
      <c r="AA23" s="47">
        <v>29</v>
      </c>
      <c r="AB23" s="45">
        <v>-1.21</v>
      </c>
      <c r="AC23" s="49">
        <v>26.43</v>
      </c>
      <c r="AD23" s="47">
        <v>29</v>
      </c>
      <c r="AE23" s="50">
        <v>-0.31</v>
      </c>
      <c r="AF23" s="40">
        <v>25.73</v>
      </c>
      <c r="AG23" s="47">
        <v>29</v>
      </c>
      <c r="AH23" s="45">
        <v>-0.7</v>
      </c>
      <c r="AI23" s="49">
        <v>25.81</v>
      </c>
      <c r="AJ23" s="47">
        <v>29</v>
      </c>
      <c r="AK23" s="50">
        <v>0.08</v>
      </c>
      <c r="AL23" s="45">
        <v>24.83</v>
      </c>
      <c r="AM23" s="51">
        <v>28</v>
      </c>
      <c r="AN23" s="45">
        <v>-0.98</v>
      </c>
      <c r="AO23" s="43">
        <v>23.04</v>
      </c>
      <c r="AP23" s="44">
        <v>28</v>
      </c>
      <c r="AQ23" s="52">
        <v>-1.79</v>
      </c>
      <c r="AR23" s="53"/>
      <c r="AS23" s="53"/>
      <c r="AT23" s="53"/>
    </row>
    <row r="24" spans="1:46" ht="20.100000000000001" customHeight="1" thickBot="1" x14ac:dyDescent="0.2">
      <c r="A24" s="56">
        <v>21</v>
      </c>
      <c r="B24" s="57" t="s">
        <v>56</v>
      </c>
      <c r="C24" s="58">
        <v>84309</v>
      </c>
      <c r="D24" s="59">
        <v>22943</v>
      </c>
      <c r="E24" s="60">
        <v>38.167241358302974</v>
      </c>
      <c r="F24" s="61">
        <v>18</v>
      </c>
      <c r="G24" s="62">
        <v>2.6772413583029717</v>
      </c>
      <c r="H24" s="63">
        <v>39.479999999999997</v>
      </c>
      <c r="I24" s="64">
        <v>12</v>
      </c>
      <c r="J24" s="62">
        <v>1.31</v>
      </c>
      <c r="K24" s="65">
        <v>39.26</v>
      </c>
      <c r="L24" s="66">
        <v>11</v>
      </c>
      <c r="M24" s="65">
        <v>-0.22</v>
      </c>
      <c r="N24" s="60">
        <v>38.89</v>
      </c>
      <c r="O24" s="66">
        <v>12</v>
      </c>
      <c r="P24" s="62">
        <v>-0.37</v>
      </c>
      <c r="Q24" s="60">
        <v>33.89</v>
      </c>
      <c r="R24" s="67">
        <v>6</v>
      </c>
      <c r="S24" s="68">
        <v>-5</v>
      </c>
      <c r="T24" s="69">
        <v>33.85</v>
      </c>
      <c r="U24" s="67">
        <v>5</v>
      </c>
      <c r="V24" s="65">
        <v>-0.04</v>
      </c>
      <c r="W24" s="60">
        <v>33.64</v>
      </c>
      <c r="X24" s="70">
        <v>7</v>
      </c>
      <c r="Y24" s="62">
        <v>-0.21</v>
      </c>
      <c r="Z24" s="65">
        <v>33.619999999999997</v>
      </c>
      <c r="AA24" s="67">
        <v>7</v>
      </c>
      <c r="AB24" s="65">
        <v>-0.02</v>
      </c>
      <c r="AC24" s="69">
        <v>31.99</v>
      </c>
      <c r="AD24" s="67">
        <v>8</v>
      </c>
      <c r="AE24" s="71">
        <v>-1.63</v>
      </c>
      <c r="AF24" s="60">
        <v>30.68</v>
      </c>
      <c r="AG24" s="67">
        <v>7</v>
      </c>
      <c r="AH24" s="65">
        <v>-1.31</v>
      </c>
      <c r="AI24" s="69">
        <v>30.68</v>
      </c>
      <c r="AJ24" s="67">
        <v>7</v>
      </c>
      <c r="AK24" s="71">
        <v>0</v>
      </c>
      <c r="AL24" s="65">
        <v>29.36</v>
      </c>
      <c r="AM24" s="72">
        <v>10</v>
      </c>
      <c r="AN24" s="65">
        <v>-1.32</v>
      </c>
      <c r="AO24" s="63">
        <v>27.21</v>
      </c>
      <c r="AP24" s="64">
        <v>11</v>
      </c>
      <c r="AQ24" s="73">
        <v>-2.15</v>
      </c>
      <c r="AR24" s="53"/>
      <c r="AS24" s="53"/>
      <c r="AT24" s="53"/>
    </row>
    <row r="25" spans="1:46" ht="20.100000000000001" customHeight="1" thickTop="1" x14ac:dyDescent="0.15">
      <c r="A25" s="36">
        <v>19</v>
      </c>
      <c r="B25" s="74" t="s">
        <v>57</v>
      </c>
      <c r="C25" s="55">
        <v>31986</v>
      </c>
      <c r="D25" s="75">
        <v>9000</v>
      </c>
      <c r="E25" s="76">
        <v>42.403932082216265</v>
      </c>
      <c r="F25" s="77">
        <v>5</v>
      </c>
      <c r="G25" s="78">
        <v>1.9139320822162631</v>
      </c>
      <c r="H25" s="79">
        <v>41.45</v>
      </c>
      <c r="I25" s="80">
        <v>6</v>
      </c>
      <c r="J25" s="78">
        <v>-0.95</v>
      </c>
      <c r="K25" s="81">
        <v>41.86</v>
      </c>
      <c r="L25" s="82">
        <v>6</v>
      </c>
      <c r="M25" s="81">
        <v>0.41</v>
      </c>
      <c r="N25" s="76">
        <v>41.79</v>
      </c>
      <c r="O25" s="82">
        <v>6</v>
      </c>
      <c r="P25" s="78">
        <v>-7.0000000000000007E-2</v>
      </c>
      <c r="Q25" s="76">
        <v>31.94</v>
      </c>
      <c r="R25" s="83">
        <v>8</v>
      </c>
      <c r="S25" s="84">
        <v>-9.85</v>
      </c>
      <c r="T25" s="81">
        <v>31.77</v>
      </c>
      <c r="U25" s="83">
        <v>8</v>
      </c>
      <c r="V25" s="81">
        <v>-0.17</v>
      </c>
      <c r="W25" s="76">
        <v>31.49</v>
      </c>
      <c r="X25" s="85">
        <v>9</v>
      </c>
      <c r="Y25" s="78">
        <v>-0.28000000000000003</v>
      </c>
      <c r="Z25" s="81">
        <v>31.72</v>
      </c>
      <c r="AA25" s="83">
        <v>9</v>
      </c>
      <c r="AB25" s="81">
        <v>0.23</v>
      </c>
      <c r="AC25" s="86">
        <v>30.97</v>
      </c>
      <c r="AD25" s="83">
        <v>9</v>
      </c>
      <c r="AE25" s="87">
        <v>-0.75</v>
      </c>
      <c r="AF25" s="76">
        <v>30.45</v>
      </c>
      <c r="AG25" s="83">
        <v>8</v>
      </c>
      <c r="AH25" s="81">
        <v>-0.52</v>
      </c>
      <c r="AI25" s="86">
        <v>30.61</v>
      </c>
      <c r="AJ25" s="83">
        <v>8</v>
      </c>
      <c r="AK25" s="87">
        <v>0.16</v>
      </c>
      <c r="AL25" s="81">
        <v>29.63</v>
      </c>
      <c r="AM25" s="88">
        <v>9</v>
      </c>
      <c r="AN25" s="81">
        <v>-0.98</v>
      </c>
      <c r="AO25" s="79">
        <v>28.14</v>
      </c>
      <c r="AP25" s="80">
        <v>10</v>
      </c>
      <c r="AQ25" s="89">
        <v>-1.49</v>
      </c>
      <c r="AR25" s="53"/>
      <c r="AS25" s="53"/>
      <c r="AT25" s="53"/>
    </row>
    <row r="26" spans="1:46" ht="20.100000000000001" customHeight="1" x14ac:dyDescent="0.15">
      <c r="A26" s="36">
        <v>20</v>
      </c>
      <c r="B26" s="37" t="s">
        <v>58</v>
      </c>
      <c r="C26" s="55">
        <v>48089</v>
      </c>
      <c r="D26" s="39">
        <v>11911</v>
      </c>
      <c r="E26" s="40">
        <v>37.236014917421414</v>
      </c>
      <c r="F26" s="41">
        <v>24</v>
      </c>
      <c r="G26" s="42">
        <v>1.3760149174214149</v>
      </c>
      <c r="H26" s="43">
        <v>37.799999999999997</v>
      </c>
      <c r="I26" s="44">
        <v>21</v>
      </c>
      <c r="J26" s="42">
        <v>0.56000000000000005</v>
      </c>
      <c r="K26" s="45">
        <v>37.49</v>
      </c>
      <c r="L26" s="46">
        <v>18</v>
      </c>
      <c r="M26" s="45">
        <v>-0.31</v>
      </c>
      <c r="N26" s="40">
        <v>36.76</v>
      </c>
      <c r="O26" s="46">
        <v>20</v>
      </c>
      <c r="P26" s="42">
        <v>-0.73</v>
      </c>
      <c r="Q26" s="40">
        <v>31.1</v>
      </c>
      <c r="R26" s="47">
        <v>10</v>
      </c>
      <c r="S26" s="42">
        <v>-5.66</v>
      </c>
      <c r="T26" s="45">
        <v>31.05</v>
      </c>
      <c r="U26" s="47">
        <v>10</v>
      </c>
      <c r="V26" s="45">
        <v>-0.05</v>
      </c>
      <c r="W26" s="40">
        <v>30.57</v>
      </c>
      <c r="X26" s="48">
        <v>11</v>
      </c>
      <c r="Y26" s="42">
        <v>-0.48</v>
      </c>
      <c r="Z26" s="45">
        <v>30.53</v>
      </c>
      <c r="AA26" s="47">
        <v>11</v>
      </c>
      <c r="AB26" s="45">
        <v>-0.04</v>
      </c>
      <c r="AC26" s="49">
        <v>30.24</v>
      </c>
      <c r="AD26" s="47">
        <v>10</v>
      </c>
      <c r="AE26" s="50">
        <v>-0.28999999999999998</v>
      </c>
      <c r="AF26" s="40">
        <v>28.69</v>
      </c>
      <c r="AG26" s="47">
        <v>12</v>
      </c>
      <c r="AH26" s="45">
        <v>-1.55</v>
      </c>
      <c r="AI26" s="49">
        <v>28.53</v>
      </c>
      <c r="AJ26" s="47">
        <v>15</v>
      </c>
      <c r="AK26" s="50">
        <v>-0.16</v>
      </c>
      <c r="AL26" s="45">
        <v>26.94</v>
      </c>
      <c r="AM26" s="51">
        <v>20</v>
      </c>
      <c r="AN26" s="45">
        <v>-1.59</v>
      </c>
      <c r="AO26" s="43">
        <v>24.77</v>
      </c>
      <c r="AP26" s="44">
        <v>22</v>
      </c>
      <c r="AQ26" s="52">
        <v>-2.17</v>
      </c>
      <c r="AR26" s="53"/>
      <c r="AS26" s="53"/>
      <c r="AT26" s="53"/>
    </row>
    <row r="27" spans="1:46" ht="20.100000000000001" customHeight="1" x14ac:dyDescent="0.15">
      <c r="A27" s="36">
        <v>22</v>
      </c>
      <c r="B27" s="37" t="s">
        <v>59</v>
      </c>
      <c r="C27" s="55">
        <v>31431</v>
      </c>
      <c r="D27" s="39">
        <v>8859</v>
      </c>
      <c r="E27" s="40">
        <v>40.988309324778676</v>
      </c>
      <c r="F27" s="41">
        <v>9</v>
      </c>
      <c r="G27" s="42">
        <v>1.6083093247786735</v>
      </c>
      <c r="H27" s="43">
        <v>40.18</v>
      </c>
      <c r="I27" s="44">
        <v>9</v>
      </c>
      <c r="J27" s="42">
        <v>-0.81</v>
      </c>
      <c r="K27" s="45">
        <v>40.07</v>
      </c>
      <c r="L27" s="46">
        <v>9</v>
      </c>
      <c r="M27" s="45">
        <v>-0.11</v>
      </c>
      <c r="N27" s="40">
        <v>39.6</v>
      </c>
      <c r="O27" s="46">
        <v>8</v>
      </c>
      <c r="P27" s="42">
        <v>-0.47</v>
      </c>
      <c r="Q27" s="40">
        <v>30.1</v>
      </c>
      <c r="R27" s="47">
        <v>15</v>
      </c>
      <c r="S27" s="42">
        <v>-9.5</v>
      </c>
      <c r="T27" s="45">
        <v>30.36</v>
      </c>
      <c r="U27" s="47">
        <v>13</v>
      </c>
      <c r="V27" s="45">
        <v>0.26</v>
      </c>
      <c r="W27" s="40">
        <v>30.35</v>
      </c>
      <c r="X27" s="48">
        <v>13</v>
      </c>
      <c r="Y27" s="42">
        <v>-0.01</v>
      </c>
      <c r="Z27" s="45">
        <v>30.15</v>
      </c>
      <c r="AA27" s="47">
        <v>15</v>
      </c>
      <c r="AB27" s="45">
        <v>-0.2</v>
      </c>
      <c r="AC27" s="49">
        <v>29.71</v>
      </c>
      <c r="AD27" s="47">
        <v>12</v>
      </c>
      <c r="AE27" s="50">
        <v>-0.44</v>
      </c>
      <c r="AF27" s="40">
        <v>29.22</v>
      </c>
      <c r="AG27" s="47">
        <v>11</v>
      </c>
      <c r="AH27" s="45">
        <v>-0.49</v>
      </c>
      <c r="AI27" s="49">
        <v>29.35</v>
      </c>
      <c r="AJ27" s="47">
        <v>11</v>
      </c>
      <c r="AK27" s="50">
        <v>0.13</v>
      </c>
      <c r="AL27" s="45">
        <v>29.27</v>
      </c>
      <c r="AM27" s="51">
        <v>11</v>
      </c>
      <c r="AN27" s="45">
        <v>-0.08</v>
      </c>
      <c r="AO27" s="43">
        <v>28.19</v>
      </c>
      <c r="AP27" s="44">
        <v>9</v>
      </c>
      <c r="AQ27" s="52">
        <v>-1.08</v>
      </c>
      <c r="AR27" s="53"/>
      <c r="AS27" s="53"/>
      <c r="AT27" s="53"/>
    </row>
    <row r="28" spans="1:46" ht="20.100000000000001" customHeight="1" x14ac:dyDescent="0.15">
      <c r="A28" s="36">
        <v>23</v>
      </c>
      <c r="B28" s="37" t="s">
        <v>60</v>
      </c>
      <c r="C28" s="55">
        <v>28090</v>
      </c>
      <c r="D28" s="39">
        <v>7390</v>
      </c>
      <c r="E28" s="40">
        <v>38.384235163180463</v>
      </c>
      <c r="F28" s="41">
        <v>17</v>
      </c>
      <c r="G28" s="42">
        <v>1.9642351631804615</v>
      </c>
      <c r="H28" s="43">
        <v>38.43</v>
      </c>
      <c r="I28" s="44">
        <v>16</v>
      </c>
      <c r="J28" s="42">
        <v>0.05</v>
      </c>
      <c r="K28" s="45">
        <v>38.9</v>
      </c>
      <c r="L28" s="46">
        <v>13</v>
      </c>
      <c r="M28" s="45">
        <v>0.47</v>
      </c>
      <c r="N28" s="40">
        <v>38.81</v>
      </c>
      <c r="O28" s="46">
        <v>13</v>
      </c>
      <c r="P28" s="42">
        <v>-0.09</v>
      </c>
      <c r="Q28" s="40">
        <v>29.47</v>
      </c>
      <c r="R28" s="47">
        <v>19</v>
      </c>
      <c r="S28" s="42">
        <v>-9.34</v>
      </c>
      <c r="T28" s="45">
        <v>28.89</v>
      </c>
      <c r="U28" s="47">
        <v>21</v>
      </c>
      <c r="V28" s="45">
        <v>-0.57999999999999996</v>
      </c>
      <c r="W28" s="40">
        <v>28.83</v>
      </c>
      <c r="X28" s="48">
        <v>22</v>
      </c>
      <c r="Y28" s="42">
        <v>-0.06</v>
      </c>
      <c r="Z28" s="45">
        <v>28.74</v>
      </c>
      <c r="AA28" s="47">
        <v>23</v>
      </c>
      <c r="AB28" s="45">
        <v>-0.09</v>
      </c>
      <c r="AC28" s="49">
        <v>28.09</v>
      </c>
      <c r="AD28" s="47">
        <v>23</v>
      </c>
      <c r="AE28" s="50">
        <v>-0.65</v>
      </c>
      <c r="AF28" s="40">
        <v>27.71</v>
      </c>
      <c r="AG28" s="47">
        <v>21</v>
      </c>
      <c r="AH28" s="45">
        <v>-0.38</v>
      </c>
      <c r="AI28" s="49">
        <v>27.98</v>
      </c>
      <c r="AJ28" s="47">
        <v>19</v>
      </c>
      <c r="AK28" s="50">
        <v>0.27</v>
      </c>
      <c r="AL28" s="45">
        <v>27.34</v>
      </c>
      <c r="AM28" s="51">
        <v>16</v>
      </c>
      <c r="AN28" s="45">
        <v>-0.64</v>
      </c>
      <c r="AO28" s="43">
        <v>26.31</v>
      </c>
      <c r="AP28" s="44">
        <v>12</v>
      </c>
      <c r="AQ28" s="52">
        <v>-1.03</v>
      </c>
      <c r="AR28" s="53"/>
      <c r="AS28" s="53"/>
      <c r="AT28" s="53"/>
    </row>
    <row r="29" spans="1:46" ht="20.100000000000001" customHeight="1" x14ac:dyDescent="0.15">
      <c r="A29" s="36">
        <v>24</v>
      </c>
      <c r="B29" s="37" t="s">
        <v>61</v>
      </c>
      <c r="C29" s="55">
        <v>9580</v>
      </c>
      <c r="D29" s="39">
        <v>2831</v>
      </c>
      <c r="E29" s="40">
        <v>37.654138305218503</v>
      </c>
      <c r="F29" s="41">
        <v>20</v>
      </c>
      <c r="G29" s="42">
        <v>1.6341383052184995</v>
      </c>
      <c r="H29" s="43">
        <v>38.19</v>
      </c>
      <c r="I29" s="44">
        <v>18</v>
      </c>
      <c r="J29" s="42">
        <v>0.54</v>
      </c>
      <c r="K29" s="45">
        <v>38.72</v>
      </c>
      <c r="L29" s="46">
        <v>15</v>
      </c>
      <c r="M29" s="45">
        <v>0.53</v>
      </c>
      <c r="N29" s="40">
        <v>38.72</v>
      </c>
      <c r="O29" s="46">
        <v>15</v>
      </c>
      <c r="P29" s="42">
        <v>0</v>
      </c>
      <c r="Q29" s="40">
        <v>31.17</v>
      </c>
      <c r="R29" s="47">
        <v>9</v>
      </c>
      <c r="S29" s="42">
        <v>-7.55</v>
      </c>
      <c r="T29" s="45">
        <v>31.51</v>
      </c>
      <c r="U29" s="47">
        <v>9</v>
      </c>
      <c r="V29" s="45">
        <v>0.34</v>
      </c>
      <c r="W29" s="40">
        <v>32.25</v>
      </c>
      <c r="X29" s="48">
        <v>8</v>
      </c>
      <c r="Y29" s="42">
        <v>0.74</v>
      </c>
      <c r="Z29" s="45">
        <v>32.64</v>
      </c>
      <c r="AA29" s="47">
        <v>8</v>
      </c>
      <c r="AB29" s="45">
        <v>0.39</v>
      </c>
      <c r="AC29" s="49">
        <v>32.700000000000003</v>
      </c>
      <c r="AD29" s="47">
        <v>7</v>
      </c>
      <c r="AE29" s="50">
        <v>-0.06</v>
      </c>
      <c r="AF29" s="40">
        <v>31.47</v>
      </c>
      <c r="AG29" s="47">
        <v>6</v>
      </c>
      <c r="AH29" s="45">
        <v>-1.23</v>
      </c>
      <c r="AI29" s="49">
        <v>31.79</v>
      </c>
      <c r="AJ29" s="47">
        <v>6</v>
      </c>
      <c r="AK29" s="50">
        <v>0.32</v>
      </c>
      <c r="AL29" s="45">
        <v>30.9</v>
      </c>
      <c r="AM29" s="51">
        <v>6</v>
      </c>
      <c r="AN29" s="45">
        <v>-0.89</v>
      </c>
      <c r="AO29" s="43">
        <v>29.55</v>
      </c>
      <c r="AP29" s="44">
        <v>6</v>
      </c>
      <c r="AQ29" s="52">
        <v>-1.35</v>
      </c>
      <c r="AR29" s="53"/>
      <c r="AS29" s="53"/>
      <c r="AT29" s="53"/>
    </row>
    <row r="30" spans="1:46" ht="20.100000000000001" customHeight="1" x14ac:dyDescent="0.15">
      <c r="A30" s="36">
        <v>25</v>
      </c>
      <c r="B30" s="37" t="s">
        <v>62</v>
      </c>
      <c r="C30" s="55">
        <v>16891</v>
      </c>
      <c r="D30" s="39">
        <v>4264</v>
      </c>
      <c r="E30" s="40">
        <v>35.860008045514626</v>
      </c>
      <c r="F30" s="41">
        <v>26</v>
      </c>
      <c r="G30" s="42">
        <v>1.4400080455146238</v>
      </c>
      <c r="H30" s="43">
        <v>35.67</v>
      </c>
      <c r="I30" s="44">
        <v>27</v>
      </c>
      <c r="J30" s="42">
        <v>-0.19</v>
      </c>
      <c r="K30" s="45">
        <v>34.99</v>
      </c>
      <c r="L30" s="46">
        <v>29</v>
      </c>
      <c r="M30" s="45">
        <v>-0.68</v>
      </c>
      <c r="N30" s="40">
        <v>34.94</v>
      </c>
      <c r="O30" s="46">
        <v>26</v>
      </c>
      <c r="P30" s="42">
        <v>-0.05</v>
      </c>
      <c r="Q30" s="40">
        <v>29.3</v>
      </c>
      <c r="R30" s="47">
        <v>20</v>
      </c>
      <c r="S30" s="42">
        <v>-5.64</v>
      </c>
      <c r="T30" s="45">
        <v>29.49</v>
      </c>
      <c r="U30" s="47">
        <v>19</v>
      </c>
      <c r="V30" s="45">
        <v>0.19</v>
      </c>
      <c r="W30" s="40">
        <v>29.47</v>
      </c>
      <c r="X30" s="48">
        <v>19</v>
      </c>
      <c r="Y30" s="42">
        <v>-0.02</v>
      </c>
      <c r="Z30" s="45">
        <v>29.63</v>
      </c>
      <c r="AA30" s="47">
        <v>19</v>
      </c>
      <c r="AB30" s="45">
        <v>0.16</v>
      </c>
      <c r="AC30" s="49">
        <v>29.4</v>
      </c>
      <c r="AD30" s="47">
        <v>16</v>
      </c>
      <c r="AE30" s="50">
        <v>-0.23</v>
      </c>
      <c r="AF30" s="40">
        <v>27.76</v>
      </c>
      <c r="AG30" s="47">
        <v>20</v>
      </c>
      <c r="AH30" s="45">
        <v>-1.64</v>
      </c>
      <c r="AI30" s="49">
        <v>27.9</v>
      </c>
      <c r="AJ30" s="47">
        <v>20</v>
      </c>
      <c r="AK30" s="50">
        <v>0.14000000000000001</v>
      </c>
      <c r="AL30" s="45">
        <v>26.87</v>
      </c>
      <c r="AM30" s="51">
        <v>21</v>
      </c>
      <c r="AN30" s="45">
        <v>-1.03</v>
      </c>
      <c r="AO30" s="43">
        <v>25.24</v>
      </c>
      <c r="AP30" s="44">
        <v>19</v>
      </c>
      <c r="AQ30" s="52">
        <v>-1.63</v>
      </c>
      <c r="AR30" s="53"/>
      <c r="AS30" s="53"/>
      <c r="AT30" s="53"/>
    </row>
    <row r="31" spans="1:46" ht="20.100000000000001" customHeight="1" x14ac:dyDescent="0.15">
      <c r="A31" s="36">
        <v>26</v>
      </c>
      <c r="B31" s="37" t="s">
        <v>63</v>
      </c>
      <c r="C31" s="55">
        <v>10993</v>
      </c>
      <c r="D31" s="39">
        <v>2874</v>
      </c>
      <c r="E31" s="40">
        <v>39.079279848389135</v>
      </c>
      <c r="F31" s="41">
        <v>12</v>
      </c>
      <c r="G31" s="42">
        <v>1.6492798483891349</v>
      </c>
      <c r="H31" s="43">
        <v>38.840000000000003</v>
      </c>
      <c r="I31" s="44">
        <v>14</v>
      </c>
      <c r="J31" s="42">
        <v>-0.24</v>
      </c>
      <c r="K31" s="45">
        <v>38.65</v>
      </c>
      <c r="L31" s="46">
        <v>16</v>
      </c>
      <c r="M31" s="45">
        <v>-0.19</v>
      </c>
      <c r="N31" s="40">
        <v>38.78</v>
      </c>
      <c r="O31" s="46">
        <v>14</v>
      </c>
      <c r="P31" s="42">
        <v>0.13</v>
      </c>
      <c r="Q31" s="40">
        <v>29.86</v>
      </c>
      <c r="R31" s="47">
        <v>18</v>
      </c>
      <c r="S31" s="42">
        <v>-8.92</v>
      </c>
      <c r="T31" s="45">
        <v>30.04</v>
      </c>
      <c r="U31" s="47">
        <v>17</v>
      </c>
      <c r="V31" s="45">
        <v>0.18</v>
      </c>
      <c r="W31" s="40">
        <v>29.87</v>
      </c>
      <c r="X31" s="48">
        <v>17</v>
      </c>
      <c r="Y31" s="42">
        <v>-0.17</v>
      </c>
      <c r="Z31" s="45">
        <v>29.85</v>
      </c>
      <c r="AA31" s="47">
        <v>17</v>
      </c>
      <c r="AB31" s="45">
        <v>-0.02</v>
      </c>
      <c r="AC31" s="49">
        <v>29.18</v>
      </c>
      <c r="AD31" s="47">
        <v>19</v>
      </c>
      <c r="AE31" s="50">
        <v>-0.67</v>
      </c>
      <c r="AF31" s="40">
        <v>28.41</v>
      </c>
      <c r="AG31" s="47">
        <v>15</v>
      </c>
      <c r="AH31" s="45">
        <v>-0.77</v>
      </c>
      <c r="AI31" s="49">
        <v>28.72</v>
      </c>
      <c r="AJ31" s="47">
        <v>12</v>
      </c>
      <c r="AK31" s="50">
        <v>0.31</v>
      </c>
      <c r="AL31" s="45">
        <v>27.95</v>
      </c>
      <c r="AM31" s="51">
        <v>12</v>
      </c>
      <c r="AN31" s="45">
        <v>-0.77</v>
      </c>
      <c r="AO31" s="43">
        <v>26.14</v>
      </c>
      <c r="AP31" s="44">
        <v>13</v>
      </c>
      <c r="AQ31" s="52">
        <v>-1.81</v>
      </c>
      <c r="AR31" s="53"/>
      <c r="AS31" s="53"/>
      <c r="AT31" s="53"/>
    </row>
    <row r="32" spans="1:46" ht="20.100000000000001" customHeight="1" x14ac:dyDescent="0.15">
      <c r="A32" s="36">
        <v>27</v>
      </c>
      <c r="B32" s="37" t="s">
        <v>64</v>
      </c>
      <c r="C32" s="55">
        <v>10296</v>
      </c>
      <c r="D32" s="39">
        <v>2973</v>
      </c>
      <c r="E32" s="40">
        <v>38.678071539657857</v>
      </c>
      <c r="F32" s="41">
        <v>14</v>
      </c>
      <c r="G32" s="42">
        <v>1.7080715396578583</v>
      </c>
      <c r="H32" s="43">
        <v>38.729999999999997</v>
      </c>
      <c r="I32" s="44">
        <v>15</v>
      </c>
      <c r="J32" s="42">
        <v>0.05</v>
      </c>
      <c r="K32" s="45">
        <v>39</v>
      </c>
      <c r="L32" s="46">
        <v>12</v>
      </c>
      <c r="M32" s="45">
        <v>0.27</v>
      </c>
      <c r="N32" s="40">
        <v>39.22</v>
      </c>
      <c r="O32" s="46">
        <v>10</v>
      </c>
      <c r="P32" s="42">
        <v>0.22</v>
      </c>
      <c r="Q32" s="40">
        <v>27.71</v>
      </c>
      <c r="R32" s="47">
        <v>29</v>
      </c>
      <c r="S32" s="42">
        <v>-11.51</v>
      </c>
      <c r="T32" s="45">
        <v>28.35</v>
      </c>
      <c r="U32" s="47">
        <v>26</v>
      </c>
      <c r="V32" s="45">
        <v>0.64</v>
      </c>
      <c r="W32" s="40">
        <v>28.73</v>
      </c>
      <c r="X32" s="48">
        <v>23</v>
      </c>
      <c r="Y32" s="42">
        <v>0.38</v>
      </c>
      <c r="Z32" s="45">
        <v>28.97</v>
      </c>
      <c r="AA32" s="47">
        <v>22</v>
      </c>
      <c r="AB32" s="45">
        <v>0.24</v>
      </c>
      <c r="AC32" s="49">
        <v>29.01</v>
      </c>
      <c r="AD32" s="47">
        <v>20</v>
      </c>
      <c r="AE32" s="50">
        <v>-0.04</v>
      </c>
      <c r="AF32" s="40">
        <v>29.83</v>
      </c>
      <c r="AG32" s="47">
        <v>9</v>
      </c>
      <c r="AH32" s="45">
        <v>0.82</v>
      </c>
      <c r="AI32" s="49">
        <v>30.28</v>
      </c>
      <c r="AJ32" s="47">
        <v>9</v>
      </c>
      <c r="AK32" s="50">
        <v>0.45</v>
      </c>
      <c r="AL32" s="45">
        <v>30.02</v>
      </c>
      <c r="AM32" s="51">
        <v>8</v>
      </c>
      <c r="AN32" s="45">
        <v>-0.26</v>
      </c>
      <c r="AO32" s="43">
        <v>28.88</v>
      </c>
      <c r="AP32" s="44">
        <v>7</v>
      </c>
      <c r="AQ32" s="52">
        <v>-1.1399999999999999</v>
      </c>
      <c r="AR32" s="53"/>
      <c r="AS32" s="53"/>
      <c r="AT32" s="53"/>
    </row>
    <row r="33" spans="1:46" ht="20.100000000000001" customHeight="1" x14ac:dyDescent="0.15">
      <c r="A33" s="36">
        <v>28</v>
      </c>
      <c r="B33" s="37" t="s">
        <v>65</v>
      </c>
      <c r="C33" s="55">
        <v>17363</v>
      </c>
      <c r="D33" s="39">
        <v>3570</v>
      </c>
      <c r="E33" s="40">
        <v>33.485130752777202</v>
      </c>
      <c r="F33" s="41">
        <v>36</v>
      </c>
      <c r="G33" s="42">
        <v>1.4051307527772039</v>
      </c>
      <c r="H33" s="43">
        <v>33.159999999999997</v>
      </c>
      <c r="I33" s="44">
        <v>34</v>
      </c>
      <c r="J33" s="42">
        <v>-0.33</v>
      </c>
      <c r="K33" s="45">
        <v>32.39</v>
      </c>
      <c r="L33" s="46">
        <v>33</v>
      </c>
      <c r="M33" s="45">
        <v>-0.77</v>
      </c>
      <c r="N33" s="40">
        <v>31.59</v>
      </c>
      <c r="O33" s="46">
        <v>33</v>
      </c>
      <c r="P33" s="42">
        <v>-0.8</v>
      </c>
      <c r="Q33" s="40">
        <v>25.64</v>
      </c>
      <c r="R33" s="47">
        <v>33</v>
      </c>
      <c r="S33" s="42">
        <v>-5.95</v>
      </c>
      <c r="T33" s="45">
        <v>25.84</v>
      </c>
      <c r="U33" s="47">
        <v>31</v>
      </c>
      <c r="V33" s="45">
        <v>0.2</v>
      </c>
      <c r="W33" s="40">
        <v>25.37</v>
      </c>
      <c r="X33" s="48">
        <v>33</v>
      </c>
      <c r="Y33" s="42">
        <v>-0.47</v>
      </c>
      <c r="Z33" s="45">
        <v>25.14</v>
      </c>
      <c r="AA33" s="47">
        <v>33</v>
      </c>
      <c r="AB33" s="45">
        <v>-0.23</v>
      </c>
      <c r="AC33" s="49">
        <v>24.3</v>
      </c>
      <c r="AD33" s="47">
        <v>32</v>
      </c>
      <c r="AE33" s="50">
        <v>-0.84</v>
      </c>
      <c r="AF33" s="40">
        <v>23.17</v>
      </c>
      <c r="AG33" s="47">
        <v>32</v>
      </c>
      <c r="AH33" s="45">
        <v>-1.1299999999999999</v>
      </c>
      <c r="AI33" s="49">
        <v>22.95</v>
      </c>
      <c r="AJ33" s="47">
        <v>32</v>
      </c>
      <c r="AK33" s="50">
        <v>-0.22</v>
      </c>
      <c r="AL33" s="45">
        <v>22.31</v>
      </c>
      <c r="AM33" s="51">
        <v>31</v>
      </c>
      <c r="AN33" s="45">
        <v>-0.64</v>
      </c>
      <c r="AO33" s="43">
        <v>20.56</v>
      </c>
      <c r="AP33" s="44">
        <v>32</v>
      </c>
      <c r="AQ33" s="52">
        <v>-1.75</v>
      </c>
      <c r="AR33" s="53"/>
      <c r="AS33" s="53"/>
      <c r="AT33" s="53"/>
    </row>
    <row r="34" spans="1:46" ht="20.100000000000001" customHeight="1" x14ac:dyDescent="0.15">
      <c r="A34" s="36">
        <v>29</v>
      </c>
      <c r="B34" s="37" t="s">
        <v>66</v>
      </c>
      <c r="C34" s="55">
        <v>11562</v>
      </c>
      <c r="D34" s="39">
        <v>3444</v>
      </c>
      <c r="E34" s="40">
        <v>42.647257042728128</v>
      </c>
      <c r="F34" s="41">
        <v>4</v>
      </c>
      <c r="G34" s="42">
        <v>0.6972570427281255</v>
      </c>
      <c r="H34" s="43">
        <v>45.17</v>
      </c>
      <c r="I34" s="44">
        <v>4</v>
      </c>
      <c r="J34" s="42">
        <v>2.52</v>
      </c>
      <c r="K34" s="45">
        <v>45.68</v>
      </c>
      <c r="L34" s="46">
        <v>4</v>
      </c>
      <c r="M34" s="45">
        <v>0.51</v>
      </c>
      <c r="N34" s="40">
        <v>44.86</v>
      </c>
      <c r="O34" s="46">
        <v>4</v>
      </c>
      <c r="P34" s="42">
        <v>-0.82</v>
      </c>
      <c r="Q34" s="40">
        <v>34.72</v>
      </c>
      <c r="R34" s="47">
        <v>5</v>
      </c>
      <c r="S34" s="42">
        <v>-10.14</v>
      </c>
      <c r="T34" s="45">
        <v>33.799999999999997</v>
      </c>
      <c r="U34" s="47">
        <v>6</v>
      </c>
      <c r="V34" s="45">
        <v>-0.92</v>
      </c>
      <c r="W34" s="40">
        <v>34.14</v>
      </c>
      <c r="X34" s="48">
        <v>6</v>
      </c>
      <c r="Y34" s="42">
        <v>0.34</v>
      </c>
      <c r="Z34" s="45">
        <v>33.909999999999997</v>
      </c>
      <c r="AA34" s="47">
        <v>6</v>
      </c>
      <c r="AB34" s="45">
        <v>-0.23</v>
      </c>
      <c r="AC34" s="49">
        <v>33.200000000000003</v>
      </c>
      <c r="AD34" s="47">
        <v>6</v>
      </c>
      <c r="AE34" s="50">
        <v>-0.71</v>
      </c>
      <c r="AF34" s="40">
        <v>29.74</v>
      </c>
      <c r="AG34" s="47">
        <v>10</v>
      </c>
      <c r="AH34" s="45">
        <v>-3.46</v>
      </c>
      <c r="AI34" s="49">
        <v>30</v>
      </c>
      <c r="AJ34" s="47">
        <v>10</v>
      </c>
      <c r="AK34" s="50">
        <v>0.26</v>
      </c>
      <c r="AL34" s="45">
        <v>32.31</v>
      </c>
      <c r="AM34" s="51">
        <v>5</v>
      </c>
      <c r="AN34" s="45">
        <v>2.31</v>
      </c>
      <c r="AO34" s="43">
        <v>29.79</v>
      </c>
      <c r="AP34" s="44">
        <v>5</v>
      </c>
      <c r="AQ34" s="52">
        <v>-2.52</v>
      </c>
      <c r="AR34" s="53"/>
      <c r="AS34" s="53"/>
      <c r="AT34" s="53"/>
    </row>
    <row r="35" spans="1:46" ht="20.100000000000001" customHeight="1" x14ac:dyDescent="0.15">
      <c r="A35" s="36">
        <v>30</v>
      </c>
      <c r="B35" s="37" t="s">
        <v>67</v>
      </c>
      <c r="C35" s="55">
        <v>7109</v>
      </c>
      <c r="D35" s="39">
        <v>2535</v>
      </c>
      <c r="E35" s="40">
        <v>50.954979536152798</v>
      </c>
      <c r="F35" s="41">
        <v>2</v>
      </c>
      <c r="G35" s="42">
        <v>1.7549795361527956</v>
      </c>
      <c r="H35" s="43">
        <v>49.24</v>
      </c>
      <c r="I35" s="44">
        <v>2</v>
      </c>
      <c r="J35" s="42">
        <v>-1.71</v>
      </c>
      <c r="K35" s="45">
        <v>49.59</v>
      </c>
      <c r="L35" s="46">
        <v>2</v>
      </c>
      <c r="M35" s="45">
        <v>0.35</v>
      </c>
      <c r="N35" s="40">
        <v>49.39</v>
      </c>
      <c r="O35" s="46">
        <v>2</v>
      </c>
      <c r="P35" s="42">
        <v>-0.2</v>
      </c>
      <c r="Q35" s="40">
        <v>37.380000000000003</v>
      </c>
      <c r="R35" s="47">
        <v>3</v>
      </c>
      <c r="S35" s="42">
        <v>-12.01</v>
      </c>
      <c r="T35" s="45">
        <v>37.46</v>
      </c>
      <c r="U35" s="47">
        <v>3</v>
      </c>
      <c r="V35" s="45">
        <v>0.08</v>
      </c>
      <c r="W35" s="40">
        <v>37.36</v>
      </c>
      <c r="X35" s="48">
        <v>3</v>
      </c>
      <c r="Y35" s="42">
        <v>-0.1</v>
      </c>
      <c r="Z35" s="45">
        <v>37.369999999999997</v>
      </c>
      <c r="AA35" s="47">
        <v>3</v>
      </c>
      <c r="AB35" s="45">
        <v>0.01</v>
      </c>
      <c r="AC35" s="49">
        <v>36.85</v>
      </c>
      <c r="AD35" s="47">
        <v>3</v>
      </c>
      <c r="AE35" s="50">
        <v>-0.52</v>
      </c>
      <c r="AF35" s="40">
        <v>37.11</v>
      </c>
      <c r="AG35" s="47">
        <v>1</v>
      </c>
      <c r="AH35" s="45">
        <v>0.26</v>
      </c>
      <c r="AI35" s="49">
        <v>37.770000000000003</v>
      </c>
      <c r="AJ35" s="47">
        <v>1</v>
      </c>
      <c r="AK35" s="50">
        <v>0.66</v>
      </c>
      <c r="AL35" s="45">
        <v>37.619999999999997</v>
      </c>
      <c r="AM35" s="51">
        <v>1</v>
      </c>
      <c r="AN35" s="45">
        <v>-0.15</v>
      </c>
      <c r="AO35" s="43">
        <v>35.659999999999997</v>
      </c>
      <c r="AP35" s="44">
        <v>1</v>
      </c>
      <c r="AQ35" s="52">
        <v>-1.96</v>
      </c>
      <c r="AR35" s="53"/>
      <c r="AS35" s="53"/>
      <c r="AT35" s="53"/>
    </row>
    <row r="36" spans="1:46" ht="20.100000000000001" customHeight="1" x14ac:dyDescent="0.15">
      <c r="A36" s="36">
        <v>31</v>
      </c>
      <c r="B36" s="37" t="s">
        <v>68</v>
      </c>
      <c r="C36" s="55">
        <v>24547</v>
      </c>
      <c r="D36" s="39">
        <v>7958</v>
      </c>
      <c r="E36" s="40">
        <v>53.345368801120031</v>
      </c>
      <c r="F36" s="41">
        <v>1</v>
      </c>
      <c r="G36" s="42">
        <v>1.1953688011200327</v>
      </c>
      <c r="H36" s="43">
        <v>51.43</v>
      </c>
      <c r="I36" s="44">
        <v>1</v>
      </c>
      <c r="J36" s="42">
        <v>-1.92</v>
      </c>
      <c r="K36" s="45">
        <v>51.39</v>
      </c>
      <c r="L36" s="46">
        <v>1</v>
      </c>
      <c r="M36" s="45">
        <v>-0.04</v>
      </c>
      <c r="N36" s="40">
        <v>50.93</v>
      </c>
      <c r="O36" s="46">
        <v>1</v>
      </c>
      <c r="P36" s="42">
        <v>-0.46</v>
      </c>
      <c r="Q36" s="40">
        <v>39.56</v>
      </c>
      <c r="R36" s="47">
        <v>1</v>
      </c>
      <c r="S36" s="42">
        <v>-11.37</v>
      </c>
      <c r="T36" s="45">
        <v>39.659999999999997</v>
      </c>
      <c r="U36" s="47">
        <v>1</v>
      </c>
      <c r="V36" s="45">
        <v>0.1</v>
      </c>
      <c r="W36" s="40">
        <v>39.49</v>
      </c>
      <c r="X36" s="48">
        <v>1</v>
      </c>
      <c r="Y36" s="42">
        <v>-0.17</v>
      </c>
      <c r="Z36" s="45">
        <v>39.01</v>
      </c>
      <c r="AA36" s="47">
        <v>1</v>
      </c>
      <c r="AB36" s="45">
        <v>-0.48</v>
      </c>
      <c r="AC36" s="49">
        <v>37.56</v>
      </c>
      <c r="AD36" s="47">
        <v>1</v>
      </c>
      <c r="AE36" s="50">
        <v>-1.45</v>
      </c>
      <c r="AF36" s="40">
        <v>35</v>
      </c>
      <c r="AG36" s="47">
        <v>3</v>
      </c>
      <c r="AH36" s="45">
        <v>-2.56</v>
      </c>
      <c r="AI36" s="49">
        <v>35.43</v>
      </c>
      <c r="AJ36" s="47">
        <v>3</v>
      </c>
      <c r="AK36" s="50">
        <v>0.43</v>
      </c>
      <c r="AL36" s="45">
        <v>34.549999999999997</v>
      </c>
      <c r="AM36" s="51">
        <v>3</v>
      </c>
      <c r="AN36" s="45">
        <v>-0.88</v>
      </c>
      <c r="AO36" s="43">
        <v>32.42</v>
      </c>
      <c r="AP36" s="44">
        <v>3</v>
      </c>
      <c r="AQ36" s="52">
        <v>-2.13</v>
      </c>
      <c r="AR36" s="53"/>
      <c r="AS36" s="53"/>
      <c r="AT36" s="53"/>
    </row>
    <row r="37" spans="1:46" ht="20.100000000000001" customHeight="1" x14ac:dyDescent="0.15">
      <c r="A37" s="36">
        <v>32</v>
      </c>
      <c r="B37" s="37" t="s">
        <v>69</v>
      </c>
      <c r="C37" s="55">
        <v>40012</v>
      </c>
      <c r="D37" s="39">
        <v>12371</v>
      </c>
      <c r="E37" s="40">
        <v>41.594450024526409</v>
      </c>
      <c r="F37" s="41">
        <v>6</v>
      </c>
      <c r="G37" s="42">
        <v>2.0944500245264095</v>
      </c>
      <c r="H37" s="43">
        <v>42.93</v>
      </c>
      <c r="I37" s="44">
        <v>5</v>
      </c>
      <c r="J37" s="42">
        <v>1.34</v>
      </c>
      <c r="K37" s="45">
        <v>42.58</v>
      </c>
      <c r="L37" s="46">
        <v>5</v>
      </c>
      <c r="M37" s="45">
        <v>-0.35</v>
      </c>
      <c r="N37" s="40">
        <v>42.13</v>
      </c>
      <c r="O37" s="46">
        <v>5</v>
      </c>
      <c r="P37" s="42">
        <v>-0.45</v>
      </c>
      <c r="Q37" s="40">
        <v>36.26</v>
      </c>
      <c r="R37" s="47">
        <v>4</v>
      </c>
      <c r="S37" s="42">
        <v>-5.87</v>
      </c>
      <c r="T37" s="45">
        <v>36.229999999999997</v>
      </c>
      <c r="U37" s="47">
        <v>4</v>
      </c>
      <c r="V37" s="45">
        <v>-0.03</v>
      </c>
      <c r="W37" s="40">
        <v>36.67</v>
      </c>
      <c r="X37" s="48">
        <v>4</v>
      </c>
      <c r="Y37" s="42">
        <v>0.44</v>
      </c>
      <c r="Z37" s="45">
        <v>36.83</v>
      </c>
      <c r="AA37" s="47">
        <v>4</v>
      </c>
      <c r="AB37" s="45">
        <v>0.16</v>
      </c>
      <c r="AC37" s="49">
        <v>34.69</v>
      </c>
      <c r="AD37" s="47">
        <v>4</v>
      </c>
      <c r="AE37" s="50">
        <v>-2.14</v>
      </c>
      <c r="AF37" s="40">
        <v>34.14</v>
      </c>
      <c r="AG37" s="47">
        <v>4</v>
      </c>
      <c r="AH37" s="45">
        <v>-0.55000000000000004</v>
      </c>
      <c r="AI37" s="49">
        <v>34.49</v>
      </c>
      <c r="AJ37" s="47">
        <v>4</v>
      </c>
      <c r="AK37" s="50">
        <v>0.35</v>
      </c>
      <c r="AL37" s="45">
        <v>32.99</v>
      </c>
      <c r="AM37" s="51">
        <v>4</v>
      </c>
      <c r="AN37" s="45">
        <v>-1.5</v>
      </c>
      <c r="AO37" s="43">
        <v>30.92</v>
      </c>
      <c r="AP37" s="44">
        <v>4</v>
      </c>
      <c r="AQ37" s="52">
        <v>-2.0699999999999998</v>
      </c>
      <c r="AR37" s="53"/>
      <c r="AS37" s="53"/>
      <c r="AT37" s="53"/>
    </row>
    <row r="38" spans="1:46" ht="20.100000000000001" customHeight="1" thickBot="1" x14ac:dyDescent="0.2">
      <c r="A38" s="36">
        <v>33</v>
      </c>
      <c r="B38" s="37" t="s">
        <v>70</v>
      </c>
      <c r="C38" s="55">
        <v>3166</v>
      </c>
      <c r="D38" s="39">
        <v>912</v>
      </c>
      <c r="E38" s="40">
        <v>39.15053452759318</v>
      </c>
      <c r="F38" s="41">
        <v>11</v>
      </c>
      <c r="G38" s="42">
        <v>2.5505345275931788</v>
      </c>
      <c r="H38" s="43">
        <v>40.630000000000003</v>
      </c>
      <c r="I38" s="44">
        <v>7</v>
      </c>
      <c r="J38" s="42">
        <v>1.48</v>
      </c>
      <c r="K38" s="45">
        <v>40.49</v>
      </c>
      <c r="L38" s="46">
        <v>8</v>
      </c>
      <c r="M38" s="62">
        <v>-0.14000000000000001</v>
      </c>
      <c r="N38" s="40">
        <v>38.93</v>
      </c>
      <c r="O38" s="46">
        <v>11</v>
      </c>
      <c r="P38" s="42">
        <v>-1.56</v>
      </c>
      <c r="Q38" s="40">
        <v>32.159999999999997</v>
      </c>
      <c r="R38" s="47">
        <v>7</v>
      </c>
      <c r="S38" s="42">
        <v>-6.77</v>
      </c>
      <c r="T38" s="45">
        <v>33.19</v>
      </c>
      <c r="U38" s="47">
        <v>7</v>
      </c>
      <c r="V38" s="45">
        <v>1.03</v>
      </c>
      <c r="W38" s="40">
        <v>34.229999999999997</v>
      </c>
      <c r="X38" s="48">
        <v>5</v>
      </c>
      <c r="Y38" s="42">
        <v>1.04</v>
      </c>
      <c r="Z38" s="45">
        <v>35.04</v>
      </c>
      <c r="AA38" s="47">
        <v>5</v>
      </c>
      <c r="AB38" s="45">
        <v>0.81</v>
      </c>
      <c r="AC38" s="49">
        <v>34.659999999999997</v>
      </c>
      <c r="AD38" s="47">
        <v>5</v>
      </c>
      <c r="AE38" s="50">
        <v>-0.38</v>
      </c>
      <c r="AF38" s="40">
        <v>31.72</v>
      </c>
      <c r="AG38" s="47">
        <v>5</v>
      </c>
      <c r="AH38" s="45">
        <v>-2.94</v>
      </c>
      <c r="AI38" s="49">
        <v>32.21</v>
      </c>
      <c r="AJ38" s="47">
        <v>5</v>
      </c>
      <c r="AK38" s="50">
        <v>0.49</v>
      </c>
      <c r="AL38" s="45">
        <v>30.43</v>
      </c>
      <c r="AM38" s="51">
        <v>7</v>
      </c>
      <c r="AN38" s="45">
        <v>-1.78</v>
      </c>
      <c r="AO38" s="43">
        <v>28.81</v>
      </c>
      <c r="AP38" s="44">
        <v>8</v>
      </c>
      <c r="AQ38" s="73">
        <v>-1.62</v>
      </c>
      <c r="AR38" s="53"/>
      <c r="AS38" s="53"/>
      <c r="AT38" s="53"/>
    </row>
    <row r="39" spans="1:46" ht="20.100000000000001" hidden="1" customHeight="1" thickTop="1" x14ac:dyDescent="0.15">
      <c r="A39" s="36">
        <v>34</v>
      </c>
      <c r="B39" s="90" t="s">
        <v>71</v>
      </c>
      <c r="C39" s="55">
        <v>0</v>
      </c>
      <c r="D39" s="39">
        <v>0</v>
      </c>
      <c r="E39" s="40">
        <v>38.425488004127608</v>
      </c>
      <c r="F39" s="41">
        <v>16</v>
      </c>
      <c r="G39" s="42">
        <v>2.5754880041276067</v>
      </c>
      <c r="H39" s="43">
        <v>38.25</v>
      </c>
      <c r="I39" s="44">
        <v>17</v>
      </c>
      <c r="J39" s="42">
        <v>-0.18</v>
      </c>
      <c r="K39" s="91" t="s">
        <v>72</v>
      </c>
      <c r="L39" s="92" t="s">
        <v>72</v>
      </c>
      <c r="M39" s="93" t="s">
        <v>72</v>
      </c>
      <c r="N39" s="94" t="s">
        <v>72</v>
      </c>
      <c r="O39" s="92" t="s">
        <v>72</v>
      </c>
      <c r="P39" s="95" t="s">
        <v>72</v>
      </c>
      <c r="Q39" s="94" t="s">
        <v>72</v>
      </c>
      <c r="R39" s="92" t="s">
        <v>72</v>
      </c>
      <c r="S39" s="95" t="s">
        <v>72</v>
      </c>
      <c r="T39" s="96" t="s">
        <v>72</v>
      </c>
      <c r="U39" s="97" t="s">
        <v>72</v>
      </c>
      <c r="V39" s="96" t="s">
        <v>72</v>
      </c>
      <c r="W39" s="94" t="s">
        <v>72</v>
      </c>
      <c r="X39" s="98" t="s">
        <v>72</v>
      </c>
      <c r="Y39" s="95" t="s">
        <v>72</v>
      </c>
      <c r="Z39" s="96" t="s">
        <v>72</v>
      </c>
      <c r="AA39" s="98" t="s">
        <v>72</v>
      </c>
      <c r="AB39" s="96" t="s">
        <v>72</v>
      </c>
      <c r="AC39" s="91" t="s">
        <v>72</v>
      </c>
      <c r="AD39" s="98" t="s">
        <v>72</v>
      </c>
      <c r="AE39" s="99" t="s">
        <v>72</v>
      </c>
      <c r="AF39" s="94" t="s">
        <v>72</v>
      </c>
      <c r="AG39" s="98" t="s">
        <v>72</v>
      </c>
      <c r="AH39" s="96" t="s">
        <v>72</v>
      </c>
      <c r="AI39" s="91"/>
      <c r="AJ39" s="98"/>
      <c r="AK39" s="99"/>
      <c r="AL39" s="96"/>
      <c r="AM39" s="98"/>
      <c r="AN39" s="96"/>
      <c r="AO39" s="94" t="s">
        <v>72</v>
      </c>
      <c r="AP39" s="100" t="s">
        <v>73</v>
      </c>
      <c r="AQ39" s="101" t="e">
        <v>#VALUE!</v>
      </c>
      <c r="AR39" s="102"/>
      <c r="AS39" s="102"/>
      <c r="AT39" s="102"/>
    </row>
    <row r="40" spans="1:46" ht="20.100000000000001" hidden="1" customHeight="1" x14ac:dyDescent="0.15">
      <c r="A40" s="36">
        <v>35</v>
      </c>
      <c r="B40" s="90" t="s">
        <v>74</v>
      </c>
      <c r="C40" s="55">
        <v>0</v>
      </c>
      <c r="D40" s="39">
        <v>0</v>
      </c>
      <c r="E40" s="40">
        <v>41.23616236162362</v>
      </c>
      <c r="F40" s="41">
        <v>8</v>
      </c>
      <c r="G40" s="42">
        <v>0.72616236162362213</v>
      </c>
      <c r="H40" s="91" t="s">
        <v>72</v>
      </c>
      <c r="I40" s="100" t="e">
        <v>#VALUE!</v>
      </c>
      <c r="J40" s="95" t="e">
        <v>#VALUE!</v>
      </c>
      <c r="K40" s="91" t="s">
        <v>72</v>
      </c>
      <c r="L40" s="92" t="s">
        <v>72</v>
      </c>
      <c r="M40" s="96" t="s">
        <v>72</v>
      </c>
      <c r="N40" s="94" t="s">
        <v>72</v>
      </c>
      <c r="O40" s="92" t="s">
        <v>72</v>
      </c>
      <c r="P40" s="95" t="s">
        <v>72</v>
      </c>
      <c r="Q40" s="94" t="s">
        <v>72</v>
      </c>
      <c r="R40" s="92" t="s">
        <v>72</v>
      </c>
      <c r="S40" s="95" t="s">
        <v>72</v>
      </c>
      <c r="T40" s="96" t="s">
        <v>72</v>
      </c>
      <c r="U40" s="97" t="s">
        <v>72</v>
      </c>
      <c r="V40" s="96" t="s">
        <v>72</v>
      </c>
      <c r="W40" s="94" t="s">
        <v>72</v>
      </c>
      <c r="X40" s="98" t="s">
        <v>72</v>
      </c>
      <c r="Y40" s="95" t="s">
        <v>72</v>
      </c>
      <c r="Z40" s="96" t="s">
        <v>72</v>
      </c>
      <c r="AA40" s="98" t="s">
        <v>72</v>
      </c>
      <c r="AB40" s="96" t="s">
        <v>72</v>
      </c>
      <c r="AC40" s="91" t="s">
        <v>72</v>
      </c>
      <c r="AD40" s="98" t="s">
        <v>72</v>
      </c>
      <c r="AE40" s="99" t="s">
        <v>72</v>
      </c>
      <c r="AF40" s="94" t="s">
        <v>72</v>
      </c>
      <c r="AG40" s="98" t="s">
        <v>72</v>
      </c>
      <c r="AH40" s="96" t="s">
        <v>72</v>
      </c>
      <c r="AI40" s="91"/>
      <c r="AJ40" s="98"/>
      <c r="AK40" s="99"/>
      <c r="AL40" s="96"/>
      <c r="AM40" s="98"/>
      <c r="AN40" s="96"/>
      <c r="AO40" s="94" t="s">
        <v>72</v>
      </c>
      <c r="AP40" s="100" t="s">
        <v>73</v>
      </c>
      <c r="AQ40" s="103" t="e">
        <v>#VALUE!</v>
      </c>
      <c r="AR40" s="102"/>
      <c r="AS40" s="102"/>
      <c r="AT40" s="102"/>
    </row>
    <row r="41" spans="1:46" ht="20.100000000000001" hidden="1" customHeight="1" x14ac:dyDescent="0.15">
      <c r="A41" s="36">
        <v>36</v>
      </c>
      <c r="B41" s="90" t="s">
        <v>75</v>
      </c>
      <c r="C41" s="55">
        <v>0</v>
      </c>
      <c r="D41" s="39">
        <v>0</v>
      </c>
      <c r="E41" s="40">
        <v>37.308100801390367</v>
      </c>
      <c r="F41" s="41">
        <v>23</v>
      </c>
      <c r="G41" s="42">
        <v>1.7581008013903698</v>
      </c>
      <c r="H41" s="91" t="s">
        <v>72</v>
      </c>
      <c r="I41" s="100" t="e">
        <v>#VALUE!</v>
      </c>
      <c r="J41" s="95" t="e">
        <v>#VALUE!</v>
      </c>
      <c r="K41" s="91" t="s">
        <v>72</v>
      </c>
      <c r="L41" s="92" t="s">
        <v>72</v>
      </c>
      <c r="M41" s="96" t="s">
        <v>72</v>
      </c>
      <c r="N41" s="94" t="s">
        <v>72</v>
      </c>
      <c r="O41" s="92" t="s">
        <v>72</v>
      </c>
      <c r="P41" s="95" t="s">
        <v>72</v>
      </c>
      <c r="Q41" s="94" t="s">
        <v>72</v>
      </c>
      <c r="R41" s="92" t="s">
        <v>72</v>
      </c>
      <c r="S41" s="95" t="s">
        <v>72</v>
      </c>
      <c r="T41" s="96" t="s">
        <v>72</v>
      </c>
      <c r="U41" s="97" t="s">
        <v>72</v>
      </c>
      <c r="V41" s="96" t="s">
        <v>72</v>
      </c>
      <c r="W41" s="94" t="s">
        <v>72</v>
      </c>
      <c r="X41" s="98" t="s">
        <v>72</v>
      </c>
      <c r="Y41" s="95" t="s">
        <v>72</v>
      </c>
      <c r="Z41" s="96" t="s">
        <v>72</v>
      </c>
      <c r="AA41" s="98" t="s">
        <v>72</v>
      </c>
      <c r="AB41" s="96" t="s">
        <v>72</v>
      </c>
      <c r="AC41" s="91" t="s">
        <v>72</v>
      </c>
      <c r="AD41" s="98" t="s">
        <v>72</v>
      </c>
      <c r="AE41" s="99" t="s">
        <v>72</v>
      </c>
      <c r="AF41" s="94" t="s">
        <v>72</v>
      </c>
      <c r="AG41" s="98" t="s">
        <v>72</v>
      </c>
      <c r="AH41" s="96" t="s">
        <v>72</v>
      </c>
      <c r="AI41" s="91"/>
      <c r="AJ41" s="98"/>
      <c r="AK41" s="99"/>
      <c r="AL41" s="96"/>
      <c r="AM41" s="98"/>
      <c r="AN41" s="96"/>
      <c r="AO41" s="94" t="s">
        <v>72</v>
      </c>
      <c r="AP41" s="100" t="s">
        <v>73</v>
      </c>
      <c r="AQ41" s="103" t="e">
        <v>#VALUE!</v>
      </c>
      <c r="AR41" s="102"/>
      <c r="AS41" s="102"/>
      <c r="AT41" s="102"/>
    </row>
    <row r="42" spans="1:46" ht="20.100000000000001" hidden="1" customHeight="1" thickBot="1" x14ac:dyDescent="0.2">
      <c r="A42" s="36">
        <v>37</v>
      </c>
      <c r="B42" s="104" t="s">
        <v>76</v>
      </c>
      <c r="C42" s="105">
        <v>0</v>
      </c>
      <c r="D42" s="106">
        <v>0</v>
      </c>
      <c r="E42" s="107">
        <v>38.656702647845741</v>
      </c>
      <c r="F42" s="108">
        <v>15</v>
      </c>
      <c r="G42" s="68">
        <v>1.9367026478457419</v>
      </c>
      <c r="H42" s="109">
        <v>40.020000000000003</v>
      </c>
      <c r="I42" s="110">
        <v>10</v>
      </c>
      <c r="J42" s="42">
        <v>1.36</v>
      </c>
      <c r="K42" s="111" t="s">
        <v>72</v>
      </c>
      <c r="L42" s="112" t="s">
        <v>72</v>
      </c>
      <c r="M42" s="113" t="s">
        <v>72</v>
      </c>
      <c r="N42" s="114" t="s">
        <v>72</v>
      </c>
      <c r="O42" s="112" t="s">
        <v>72</v>
      </c>
      <c r="P42" s="115" t="s">
        <v>72</v>
      </c>
      <c r="Q42" s="114" t="s">
        <v>72</v>
      </c>
      <c r="R42" s="112" t="s">
        <v>72</v>
      </c>
      <c r="S42" s="115" t="s">
        <v>72</v>
      </c>
      <c r="T42" s="116" t="s">
        <v>72</v>
      </c>
      <c r="U42" s="117" t="s">
        <v>72</v>
      </c>
      <c r="V42" s="116" t="s">
        <v>72</v>
      </c>
      <c r="W42" s="114" t="s">
        <v>72</v>
      </c>
      <c r="X42" s="118" t="s">
        <v>72</v>
      </c>
      <c r="Y42" s="115" t="s">
        <v>72</v>
      </c>
      <c r="Z42" s="116" t="s">
        <v>72</v>
      </c>
      <c r="AA42" s="118" t="s">
        <v>72</v>
      </c>
      <c r="AB42" s="116" t="s">
        <v>72</v>
      </c>
      <c r="AC42" s="111" t="s">
        <v>72</v>
      </c>
      <c r="AD42" s="118" t="s">
        <v>72</v>
      </c>
      <c r="AE42" s="119" t="s">
        <v>72</v>
      </c>
      <c r="AF42" s="114" t="s">
        <v>72</v>
      </c>
      <c r="AG42" s="118" t="s">
        <v>72</v>
      </c>
      <c r="AH42" s="116" t="s">
        <v>72</v>
      </c>
      <c r="AI42" s="111"/>
      <c r="AJ42" s="118"/>
      <c r="AK42" s="119"/>
      <c r="AL42" s="116"/>
      <c r="AM42" s="118"/>
      <c r="AN42" s="116"/>
      <c r="AO42" s="120" t="s">
        <v>72</v>
      </c>
      <c r="AP42" s="100" t="s">
        <v>73</v>
      </c>
      <c r="AQ42" s="121" t="e">
        <v>#VALUE!</v>
      </c>
      <c r="AR42" s="102"/>
      <c r="AS42" s="102"/>
      <c r="AT42" s="102"/>
    </row>
    <row r="43" spans="1:46" ht="20.100000000000001" customHeight="1" thickTop="1" thickBot="1" x14ac:dyDescent="0.2">
      <c r="A43" s="164" t="s">
        <v>77</v>
      </c>
      <c r="B43" s="165"/>
      <c r="C43" s="122">
        <v>9144183</v>
      </c>
      <c r="D43" s="123">
        <v>2051732</v>
      </c>
      <c r="E43" s="124">
        <v>34.879778372344347</v>
      </c>
      <c r="F43" s="125"/>
      <c r="G43" s="126">
        <v>1.1997783723443476</v>
      </c>
      <c r="H43" s="127">
        <v>35.14</v>
      </c>
      <c r="I43" s="128"/>
      <c r="J43" s="126">
        <v>0.26</v>
      </c>
      <c r="K43" s="129">
        <v>34.9</v>
      </c>
      <c r="L43" s="130"/>
      <c r="M43" s="131">
        <v>-0.24</v>
      </c>
      <c r="N43" s="124">
        <v>34.47</v>
      </c>
      <c r="O43" s="130"/>
      <c r="P43" s="126">
        <v>-0.43</v>
      </c>
      <c r="Q43" s="124">
        <v>27.55</v>
      </c>
      <c r="R43" s="130"/>
      <c r="S43" s="132">
        <v>-6.92</v>
      </c>
      <c r="T43" s="133">
        <v>27.48</v>
      </c>
      <c r="U43" s="134"/>
      <c r="V43" s="133">
        <v>-7.0000000000000007E-2</v>
      </c>
      <c r="W43" s="135">
        <v>27.37</v>
      </c>
      <c r="X43" s="136"/>
      <c r="Y43" s="132">
        <v>-0.11</v>
      </c>
      <c r="Z43" s="133">
        <v>27.26</v>
      </c>
      <c r="AA43" s="136"/>
      <c r="AB43" s="133">
        <v>-0.11</v>
      </c>
      <c r="AC43" s="137">
        <v>26.4</v>
      </c>
      <c r="AD43" s="136"/>
      <c r="AE43" s="138">
        <v>-0.86</v>
      </c>
      <c r="AF43" s="135">
        <v>25.03</v>
      </c>
      <c r="AG43" s="136"/>
      <c r="AH43" s="133">
        <v>-1.37</v>
      </c>
      <c r="AI43" s="137">
        <v>24.98</v>
      </c>
      <c r="AJ43" s="136"/>
      <c r="AK43" s="138">
        <v>-0.05</v>
      </c>
      <c r="AL43" s="133">
        <v>23.93</v>
      </c>
      <c r="AM43" s="136"/>
      <c r="AN43" s="133">
        <v>-1.05</v>
      </c>
      <c r="AO43" s="139">
        <v>22.44</v>
      </c>
      <c r="AP43" s="128"/>
      <c r="AQ43" s="73">
        <v>-1.49</v>
      </c>
      <c r="AR43" s="140"/>
      <c r="AS43" s="140"/>
      <c r="AT43" s="140"/>
    </row>
    <row r="44" spans="1:46" ht="20.100000000000001" customHeight="1" thickTop="1" thickBot="1" x14ac:dyDescent="0.2">
      <c r="A44" s="166" t="s">
        <v>78</v>
      </c>
      <c r="B44" s="167"/>
      <c r="C44" s="141">
        <v>9144183</v>
      </c>
      <c r="D44" s="142">
        <v>2194244</v>
      </c>
      <c r="E44" s="143">
        <v>37.11519800617841</v>
      </c>
      <c r="F44" s="144"/>
      <c r="G44" s="145">
        <v>1.1651980061784073</v>
      </c>
      <c r="H44" s="146">
        <v>37.35</v>
      </c>
      <c r="I44" s="147"/>
      <c r="J44" s="145">
        <v>0.23</v>
      </c>
      <c r="K44" s="148">
        <v>37.1</v>
      </c>
      <c r="L44" s="149"/>
      <c r="M44" s="150">
        <v>-0.25</v>
      </c>
      <c r="N44" s="143">
        <v>36.67</v>
      </c>
      <c r="O44" s="149"/>
      <c r="P44" s="145">
        <v>-0.43</v>
      </c>
      <c r="Q44" s="143">
        <v>29.62</v>
      </c>
      <c r="R44" s="149"/>
      <c r="S44" s="145">
        <v>-7.05</v>
      </c>
      <c r="T44" s="151">
        <v>29.49</v>
      </c>
      <c r="U44" s="152"/>
      <c r="V44" s="151">
        <v>-0.13</v>
      </c>
      <c r="W44" s="143">
        <v>29.34</v>
      </c>
      <c r="X44" s="144"/>
      <c r="Y44" s="145">
        <v>-0.15</v>
      </c>
      <c r="Z44" s="151">
        <v>29.15</v>
      </c>
      <c r="AA44" s="144"/>
      <c r="AB44" s="151">
        <v>-0.19</v>
      </c>
      <c r="AC44" s="148">
        <v>28.23</v>
      </c>
      <c r="AD44" s="144"/>
      <c r="AE44" s="153">
        <v>-0.92</v>
      </c>
      <c r="AF44" s="143">
        <v>26.78</v>
      </c>
      <c r="AG44" s="144"/>
      <c r="AH44" s="151">
        <v>-1.45</v>
      </c>
      <c r="AI44" s="148">
        <v>26.72</v>
      </c>
      <c r="AJ44" s="144"/>
      <c r="AK44" s="153">
        <v>-0.06</v>
      </c>
      <c r="AL44" s="151">
        <v>25.54</v>
      </c>
      <c r="AM44" s="144"/>
      <c r="AN44" s="151">
        <v>-1.18</v>
      </c>
      <c r="AO44" s="154">
        <v>24</v>
      </c>
      <c r="AP44" s="147"/>
      <c r="AQ44" s="155">
        <v>-1.54</v>
      </c>
      <c r="AR44" s="140"/>
      <c r="AS44" s="140"/>
      <c r="AT44" s="140"/>
    </row>
    <row r="45" spans="1:46" ht="15.95" customHeight="1" x14ac:dyDescent="0.15">
      <c r="C45" s="54" t="s">
        <v>79</v>
      </c>
      <c r="AQ45" s="157"/>
      <c r="AR45" s="157"/>
      <c r="AS45" s="157"/>
      <c r="AT45" s="157"/>
    </row>
    <row r="46" spans="1:46" ht="15.95" customHeight="1" x14ac:dyDescent="0.15">
      <c r="C46" s="54" t="s">
        <v>80</v>
      </c>
      <c r="AQ46" s="157"/>
      <c r="AR46" s="157"/>
      <c r="AS46" s="157"/>
      <c r="AT46" s="157"/>
    </row>
    <row r="47" spans="1:46" ht="15.95" customHeight="1" x14ac:dyDescent="0.15"/>
    <row r="48" spans="1:46" ht="15.95" customHeight="1" x14ac:dyDescent="0.15"/>
    <row r="49" ht="15.95" customHeight="1" x14ac:dyDescent="0.15"/>
    <row r="50" ht="15.95" customHeight="1" x14ac:dyDescent="0.15"/>
    <row r="51" ht="15.95" customHeight="1" x14ac:dyDescent="0.15"/>
    <row r="52" ht="15" customHeight="1" x14ac:dyDescent="0.15"/>
  </sheetData>
  <mergeCells count="16">
    <mergeCell ref="AL3:AN3"/>
    <mergeCell ref="AO3:AQ3"/>
    <mergeCell ref="A43:B43"/>
    <mergeCell ref="A44:B44"/>
    <mergeCell ref="T3:V3"/>
    <mergeCell ref="W3:Y3"/>
    <mergeCell ref="Z3:AB3"/>
    <mergeCell ref="AC3:AE3"/>
    <mergeCell ref="AF3:AH3"/>
    <mergeCell ref="AI3:AK3"/>
    <mergeCell ref="A3:B5"/>
    <mergeCell ref="E3:G3"/>
    <mergeCell ref="H3:J3"/>
    <mergeCell ref="K3:M3"/>
    <mergeCell ref="N3:P3"/>
    <mergeCell ref="Q3:S3"/>
  </mergeCells>
  <phoneticPr fontId="2"/>
  <printOptions horizontalCentered="1" gridLinesSet="0"/>
  <pageMargins left="0.7" right="0.7" top="0.75" bottom="0.75" header="0.3" footer="0.3"/>
  <pageSetup paperSize="9" scale="9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加入率</vt:lpstr>
      <vt:lpstr>加入率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7:18:34Z</cp:lastPrinted>
  <dcterms:created xsi:type="dcterms:W3CDTF">2018-03-07T06:25:24Z</dcterms:created>
  <dcterms:modified xsi:type="dcterms:W3CDTF">2018-03-08T07:20:57Z</dcterms:modified>
</cp:coreProperties>
</file>